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65" r:id="rId5"/>
  </p:sldMasterIdLst>
  <p:notesMasterIdLst>
    <p:notesMasterId r:id="rId37"/>
  </p:notesMasterIdLst>
  <p:sldIdLst>
    <p:sldId id="256" r:id="rId6"/>
    <p:sldId id="284" r:id="rId7"/>
    <p:sldId id="660" r:id="rId8"/>
    <p:sldId id="667" r:id="rId9"/>
    <p:sldId id="636" r:id="rId10"/>
    <p:sldId id="637" r:id="rId11"/>
    <p:sldId id="665" r:id="rId12"/>
    <p:sldId id="638" r:id="rId13"/>
    <p:sldId id="639" r:id="rId14"/>
    <p:sldId id="640" r:id="rId15"/>
    <p:sldId id="641" r:id="rId16"/>
    <p:sldId id="642" r:id="rId17"/>
    <p:sldId id="643" r:id="rId18"/>
    <p:sldId id="644" r:id="rId19"/>
    <p:sldId id="646" r:id="rId20"/>
    <p:sldId id="647" r:id="rId21"/>
    <p:sldId id="666" r:id="rId22"/>
    <p:sldId id="648" r:id="rId23"/>
    <p:sldId id="649" r:id="rId24"/>
    <p:sldId id="650" r:id="rId25"/>
    <p:sldId id="652" r:id="rId26"/>
    <p:sldId id="653" r:id="rId27"/>
    <p:sldId id="654" r:id="rId28"/>
    <p:sldId id="655" r:id="rId29"/>
    <p:sldId id="662" r:id="rId30"/>
    <p:sldId id="656" r:id="rId31"/>
    <p:sldId id="663" r:id="rId32"/>
    <p:sldId id="268" r:id="rId33"/>
    <p:sldId id="657" r:id="rId34"/>
    <p:sldId id="668" r:id="rId35"/>
    <p:sldId id="664" r:id="rId3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84DE7E94-6B85-9F57-B80D-048F44D37FD7}" name="Brian Ruscher" initials="BR" userId="S::bruscher@palmbeachtpa.org::183d7664-2f91-481e-8d07-de5bd237b8ae"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Margie Pierce" initials="MP" lastIdx="1" clrIdx="0">
    <p:extLst>
      <p:ext uri="{19B8F6BF-5375-455C-9EA6-DF929625EA0E}">
        <p15:presenceInfo xmlns:p15="http://schemas.microsoft.com/office/powerpoint/2012/main" userId="S::MPierce@palmbeachtpa.org::bdf1f370-4b43-4abc-acba-b2a04330505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1C75BB"/>
    <a:srgbClr val="02E16C"/>
    <a:srgbClr val="00B6AF"/>
    <a:srgbClr val="CBA247"/>
    <a:srgbClr val="21A4FF"/>
    <a:srgbClr val="6C6D70"/>
    <a:srgbClr val="F54D5A"/>
    <a:srgbClr val="E6E6E6"/>
    <a:srgbClr val="2376BC"/>
    <a:srgbClr val="C3C4C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0F219AE-2C23-49BA-BB14-36C69ABAB372}" v="85" dt="2022-11-16T17:19:00.39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8548" autoAdjust="0"/>
    <p:restoredTop sz="85664" autoAdjust="0"/>
  </p:normalViewPr>
  <p:slideViewPr>
    <p:cSldViewPr snapToGrid="0">
      <p:cViewPr varScale="1">
        <p:scale>
          <a:sx n="73" d="100"/>
          <a:sy n="73" d="100"/>
        </p:scale>
        <p:origin x="907" y="7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presProps" Target="presProps.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tableStyles" Target="tableStyles.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notesMaster" Target="notesMasters/notesMaster1.xml"/><Relationship Id="rId40" Type="http://schemas.openxmlformats.org/officeDocument/2006/relationships/viewProps" Target="viewProps.xml"/><Relationship Id="rId45" Type="http://schemas.microsoft.com/office/2018/10/relationships/authors" Target="author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microsoft.com/office/2015/10/relationships/revisionInfo" Target="revisionInfo.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microsoft.com/office/2016/11/relationships/changesInfo" Target="changesInfos/changesInfo1.xml"/><Relationship Id="rId8" Type="http://schemas.openxmlformats.org/officeDocument/2006/relationships/slide" Target="slides/slide3.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commentAuthors" Target="commentAuthors.xml"/><Relationship Id="rId20" Type="http://schemas.openxmlformats.org/officeDocument/2006/relationships/slide" Target="slides/slide15.xml"/><Relationship Id="rId41"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argie Pierce" userId="bdf1f370-4b43-4abc-acba-b2a043305056" providerId="ADAL" clId="{897AC48E-7581-4F2B-90AC-7A58BC19CD01}"/>
    <pc:docChg chg="undo custSel modSld">
      <pc:chgData name="Margie Pierce" userId="bdf1f370-4b43-4abc-acba-b2a043305056" providerId="ADAL" clId="{897AC48E-7581-4F2B-90AC-7A58BC19CD01}" dt="2021-08-10T16:21:28.888" v="63" actId="948"/>
      <pc:docMkLst>
        <pc:docMk/>
      </pc:docMkLst>
      <pc:sldChg chg="addCm delCm">
        <pc:chgData name="Margie Pierce" userId="bdf1f370-4b43-4abc-acba-b2a043305056" providerId="ADAL" clId="{897AC48E-7581-4F2B-90AC-7A58BC19CD01}" dt="2021-08-10T16:09:29.607" v="7" actId="1592"/>
        <pc:sldMkLst>
          <pc:docMk/>
          <pc:sldMk cId="41674980" sldId="266"/>
        </pc:sldMkLst>
      </pc:sldChg>
      <pc:sldChg chg="modSp mod">
        <pc:chgData name="Margie Pierce" userId="bdf1f370-4b43-4abc-acba-b2a043305056" providerId="ADAL" clId="{897AC48E-7581-4F2B-90AC-7A58BC19CD01}" dt="2021-08-10T16:18:15.861" v="46" actId="14100"/>
        <pc:sldMkLst>
          <pc:docMk/>
          <pc:sldMk cId="2030167298" sldId="271"/>
        </pc:sldMkLst>
        <pc:spChg chg="mod">
          <ac:chgData name="Margie Pierce" userId="bdf1f370-4b43-4abc-acba-b2a043305056" providerId="ADAL" clId="{897AC48E-7581-4F2B-90AC-7A58BC19CD01}" dt="2021-08-10T16:18:15.861" v="46" actId="14100"/>
          <ac:spMkLst>
            <pc:docMk/>
            <pc:sldMk cId="2030167298" sldId="271"/>
            <ac:spMk id="3" creationId="{00000000-0000-0000-0000-000000000000}"/>
          </ac:spMkLst>
        </pc:spChg>
        <pc:spChg chg="mod">
          <ac:chgData name="Margie Pierce" userId="bdf1f370-4b43-4abc-acba-b2a043305056" providerId="ADAL" clId="{897AC48E-7581-4F2B-90AC-7A58BC19CD01}" dt="2021-08-10T16:12:20.435" v="13" actId="1076"/>
          <ac:spMkLst>
            <pc:docMk/>
            <pc:sldMk cId="2030167298" sldId="271"/>
            <ac:spMk id="5" creationId="{E864B336-FAF9-44BE-B219-4A3759D0C7EA}"/>
          </ac:spMkLst>
        </pc:spChg>
      </pc:sldChg>
      <pc:sldChg chg="modSp mod">
        <pc:chgData name="Margie Pierce" userId="bdf1f370-4b43-4abc-acba-b2a043305056" providerId="ADAL" clId="{897AC48E-7581-4F2B-90AC-7A58BC19CD01}" dt="2021-08-10T16:19:14.861" v="60" actId="20577"/>
        <pc:sldMkLst>
          <pc:docMk/>
          <pc:sldMk cId="3690184567" sldId="272"/>
        </pc:sldMkLst>
        <pc:spChg chg="mod">
          <ac:chgData name="Margie Pierce" userId="bdf1f370-4b43-4abc-acba-b2a043305056" providerId="ADAL" clId="{897AC48E-7581-4F2B-90AC-7A58BC19CD01}" dt="2021-08-10T16:19:14.861" v="60" actId="20577"/>
          <ac:spMkLst>
            <pc:docMk/>
            <pc:sldMk cId="3690184567" sldId="272"/>
            <ac:spMk id="3" creationId="{00000000-0000-0000-0000-000000000000}"/>
          </ac:spMkLst>
        </pc:spChg>
      </pc:sldChg>
      <pc:sldChg chg="modSp mod">
        <pc:chgData name="Margie Pierce" userId="bdf1f370-4b43-4abc-acba-b2a043305056" providerId="ADAL" clId="{897AC48E-7581-4F2B-90AC-7A58BC19CD01}" dt="2021-08-10T16:20:26.980" v="61" actId="14100"/>
        <pc:sldMkLst>
          <pc:docMk/>
          <pc:sldMk cId="495892712" sldId="274"/>
        </pc:sldMkLst>
        <pc:spChg chg="mod">
          <ac:chgData name="Margie Pierce" userId="bdf1f370-4b43-4abc-acba-b2a043305056" providerId="ADAL" clId="{897AC48E-7581-4F2B-90AC-7A58BC19CD01}" dt="2021-08-10T16:20:26.980" v="61" actId="14100"/>
          <ac:spMkLst>
            <pc:docMk/>
            <pc:sldMk cId="495892712" sldId="274"/>
            <ac:spMk id="3" creationId="{00000000-0000-0000-0000-000000000000}"/>
          </ac:spMkLst>
        </pc:spChg>
      </pc:sldChg>
      <pc:sldChg chg="modSp mod">
        <pc:chgData name="Margie Pierce" userId="bdf1f370-4b43-4abc-acba-b2a043305056" providerId="ADAL" clId="{897AC48E-7581-4F2B-90AC-7A58BC19CD01}" dt="2021-08-10T16:21:28.888" v="63" actId="948"/>
        <pc:sldMkLst>
          <pc:docMk/>
          <pc:sldMk cId="4194238447" sldId="624"/>
        </pc:sldMkLst>
        <pc:spChg chg="mod">
          <ac:chgData name="Margie Pierce" userId="bdf1f370-4b43-4abc-acba-b2a043305056" providerId="ADAL" clId="{897AC48E-7581-4F2B-90AC-7A58BC19CD01}" dt="2021-08-10T16:21:28.888" v="63" actId="948"/>
          <ac:spMkLst>
            <pc:docMk/>
            <pc:sldMk cId="4194238447" sldId="624"/>
            <ac:spMk id="7" creationId="{A181959A-65B0-4D5F-8D5E-0FABFCC52B40}"/>
          </ac:spMkLst>
        </pc:spChg>
      </pc:sldChg>
      <pc:sldChg chg="modSp mod">
        <pc:chgData name="Margie Pierce" userId="bdf1f370-4b43-4abc-acba-b2a043305056" providerId="ADAL" clId="{897AC48E-7581-4F2B-90AC-7A58BC19CD01}" dt="2021-08-10T16:02:53.401" v="5" actId="6549"/>
        <pc:sldMkLst>
          <pc:docMk/>
          <pc:sldMk cId="1574372541" sldId="629"/>
        </pc:sldMkLst>
        <pc:spChg chg="mod">
          <ac:chgData name="Margie Pierce" userId="bdf1f370-4b43-4abc-acba-b2a043305056" providerId="ADAL" clId="{897AC48E-7581-4F2B-90AC-7A58BC19CD01}" dt="2021-08-10T16:02:53.401" v="5" actId="6549"/>
          <ac:spMkLst>
            <pc:docMk/>
            <pc:sldMk cId="1574372541" sldId="629"/>
            <ac:spMk id="7" creationId="{BDB1AC90-1C97-48D6-911F-B9383E4A9A06}"/>
          </ac:spMkLst>
        </pc:spChg>
      </pc:sldChg>
    </pc:docChg>
  </pc:docChgLst>
  <pc:docChgLst>
    <pc:chgData name="Kelsey Peterson" userId="f9abf1b4-a07d-4672-85df-801faa769c9e" providerId="ADAL" clId="{110F25EA-FD8E-4D03-A3EB-C1A9860A6416}"/>
    <pc:docChg chg="undo redo custSel addSld delSld modSld sldOrd">
      <pc:chgData name="Kelsey Peterson" userId="f9abf1b4-a07d-4672-85df-801faa769c9e" providerId="ADAL" clId="{110F25EA-FD8E-4D03-A3EB-C1A9860A6416}" dt="2021-08-16T20:50:16.841" v="5081"/>
      <pc:docMkLst>
        <pc:docMk/>
      </pc:docMkLst>
      <pc:sldChg chg="modSp mod">
        <pc:chgData name="Kelsey Peterson" userId="f9abf1b4-a07d-4672-85df-801faa769c9e" providerId="ADAL" clId="{110F25EA-FD8E-4D03-A3EB-C1A9860A6416}" dt="2021-07-29T20:53:17.995" v="18" actId="20577"/>
        <pc:sldMkLst>
          <pc:docMk/>
          <pc:sldMk cId="2011481620" sldId="256"/>
        </pc:sldMkLst>
        <pc:spChg chg="mod">
          <ac:chgData name="Kelsey Peterson" userId="f9abf1b4-a07d-4672-85df-801faa769c9e" providerId="ADAL" clId="{110F25EA-FD8E-4D03-A3EB-C1A9860A6416}" dt="2021-07-29T20:53:08.784" v="3" actId="27636"/>
          <ac:spMkLst>
            <pc:docMk/>
            <pc:sldMk cId="2011481620" sldId="256"/>
            <ac:spMk id="2" creationId="{00000000-0000-0000-0000-000000000000}"/>
          </ac:spMkLst>
        </pc:spChg>
        <pc:spChg chg="mod">
          <ac:chgData name="Kelsey Peterson" userId="f9abf1b4-a07d-4672-85df-801faa769c9e" providerId="ADAL" clId="{110F25EA-FD8E-4D03-A3EB-C1A9860A6416}" dt="2021-07-29T20:53:17.995" v="18" actId="20577"/>
          <ac:spMkLst>
            <pc:docMk/>
            <pc:sldMk cId="2011481620" sldId="256"/>
            <ac:spMk id="3" creationId="{00000000-0000-0000-0000-000000000000}"/>
          </ac:spMkLst>
        </pc:spChg>
      </pc:sldChg>
      <pc:sldChg chg="delSp modSp mod modClrScheme chgLayout">
        <pc:chgData name="Kelsey Peterson" userId="f9abf1b4-a07d-4672-85df-801faa769c9e" providerId="ADAL" clId="{110F25EA-FD8E-4D03-A3EB-C1A9860A6416}" dt="2021-08-16T20:47:16.844" v="5012" actId="478"/>
        <pc:sldMkLst>
          <pc:docMk/>
          <pc:sldMk cId="3918742682" sldId="265"/>
        </pc:sldMkLst>
        <pc:spChg chg="mod ord">
          <ac:chgData name="Kelsey Peterson" userId="f9abf1b4-a07d-4672-85df-801faa769c9e" providerId="ADAL" clId="{110F25EA-FD8E-4D03-A3EB-C1A9860A6416}" dt="2021-07-30T18:46:50.429" v="2635" actId="700"/>
          <ac:spMkLst>
            <pc:docMk/>
            <pc:sldMk cId="3918742682" sldId="265"/>
            <ac:spMk id="2" creationId="{00000000-0000-0000-0000-000000000000}"/>
          </ac:spMkLst>
        </pc:spChg>
        <pc:spChg chg="mod ord">
          <ac:chgData name="Kelsey Peterson" userId="f9abf1b4-a07d-4672-85df-801faa769c9e" providerId="ADAL" clId="{110F25EA-FD8E-4D03-A3EB-C1A9860A6416}" dt="2021-07-30T19:11:48.242" v="3003" actId="20577"/>
          <ac:spMkLst>
            <pc:docMk/>
            <pc:sldMk cId="3918742682" sldId="265"/>
            <ac:spMk id="3" creationId="{00000000-0000-0000-0000-000000000000}"/>
          </ac:spMkLst>
        </pc:spChg>
        <pc:spChg chg="del">
          <ac:chgData name="Kelsey Peterson" userId="f9abf1b4-a07d-4672-85df-801faa769c9e" providerId="ADAL" clId="{110F25EA-FD8E-4D03-A3EB-C1A9860A6416}" dt="2021-08-16T20:47:16.844" v="5012" actId="478"/>
          <ac:spMkLst>
            <pc:docMk/>
            <pc:sldMk cId="3918742682" sldId="265"/>
            <ac:spMk id="5" creationId="{E864B336-FAF9-44BE-B219-4A3759D0C7EA}"/>
          </ac:spMkLst>
        </pc:spChg>
        <pc:spChg chg="del">
          <ac:chgData name="Kelsey Peterson" userId="f9abf1b4-a07d-4672-85df-801faa769c9e" providerId="ADAL" clId="{110F25EA-FD8E-4D03-A3EB-C1A9860A6416}" dt="2021-08-16T20:47:15.734" v="5011" actId="478"/>
          <ac:spMkLst>
            <pc:docMk/>
            <pc:sldMk cId="3918742682" sldId="265"/>
            <ac:spMk id="6" creationId="{0753A9BE-6267-40ED-9B47-87DA538B3458}"/>
          </ac:spMkLst>
        </pc:spChg>
      </pc:sldChg>
      <pc:sldChg chg="addSp delSp modSp mod ord modNotesTx">
        <pc:chgData name="Kelsey Peterson" userId="f9abf1b4-a07d-4672-85df-801faa769c9e" providerId="ADAL" clId="{110F25EA-FD8E-4D03-A3EB-C1A9860A6416}" dt="2021-08-16T20:47:44.476" v="5023" actId="478"/>
        <pc:sldMkLst>
          <pc:docMk/>
          <pc:sldMk cId="41674980" sldId="266"/>
        </pc:sldMkLst>
        <pc:spChg chg="mod">
          <ac:chgData name="Kelsey Peterson" userId="f9abf1b4-a07d-4672-85df-801faa769c9e" providerId="ADAL" clId="{110F25EA-FD8E-4D03-A3EB-C1A9860A6416}" dt="2021-07-29T20:56:06.791" v="133" actId="20577"/>
          <ac:spMkLst>
            <pc:docMk/>
            <pc:sldMk cId="41674980" sldId="266"/>
            <ac:spMk id="2" creationId="{00000000-0000-0000-0000-000000000000}"/>
          </ac:spMkLst>
        </pc:spChg>
        <pc:spChg chg="del">
          <ac:chgData name="Kelsey Peterson" userId="f9abf1b4-a07d-4672-85df-801faa769c9e" providerId="ADAL" clId="{110F25EA-FD8E-4D03-A3EB-C1A9860A6416}" dt="2021-07-29T20:56:14.310" v="134" actId="478"/>
          <ac:spMkLst>
            <pc:docMk/>
            <pc:sldMk cId="41674980" sldId="266"/>
            <ac:spMk id="3" creationId="{00000000-0000-0000-0000-000000000000}"/>
          </ac:spMkLst>
        </pc:spChg>
        <pc:spChg chg="del">
          <ac:chgData name="Kelsey Peterson" userId="f9abf1b4-a07d-4672-85df-801faa769c9e" providerId="ADAL" clId="{110F25EA-FD8E-4D03-A3EB-C1A9860A6416}" dt="2021-08-16T20:47:44.476" v="5023" actId="478"/>
          <ac:spMkLst>
            <pc:docMk/>
            <pc:sldMk cId="41674980" sldId="266"/>
            <ac:spMk id="5" creationId="{E864B336-FAF9-44BE-B219-4A3759D0C7EA}"/>
          </ac:spMkLst>
        </pc:spChg>
        <pc:spChg chg="del">
          <ac:chgData name="Kelsey Peterson" userId="f9abf1b4-a07d-4672-85df-801faa769c9e" providerId="ADAL" clId="{110F25EA-FD8E-4D03-A3EB-C1A9860A6416}" dt="2021-08-16T20:47:43.650" v="5022" actId="478"/>
          <ac:spMkLst>
            <pc:docMk/>
            <pc:sldMk cId="41674980" sldId="266"/>
            <ac:spMk id="6" creationId="{0753A9BE-6267-40ED-9B47-87DA538B3458}"/>
          </ac:spMkLst>
        </pc:spChg>
        <pc:spChg chg="add mod">
          <ac:chgData name="Kelsey Peterson" userId="f9abf1b4-a07d-4672-85df-801faa769c9e" providerId="ADAL" clId="{110F25EA-FD8E-4D03-A3EB-C1A9860A6416}" dt="2021-08-10T20:39:53.990" v="4798" actId="14100"/>
          <ac:spMkLst>
            <pc:docMk/>
            <pc:sldMk cId="41674980" sldId="266"/>
            <ac:spMk id="8" creationId="{F4772C31-725F-49F0-998E-BC4B9CF7EDE2}"/>
          </ac:spMkLst>
        </pc:spChg>
        <pc:picChg chg="add mod">
          <ac:chgData name="Kelsey Peterson" userId="f9abf1b4-a07d-4672-85df-801faa769c9e" providerId="ADAL" clId="{110F25EA-FD8E-4D03-A3EB-C1A9860A6416}" dt="2021-08-06T12:16:49.210" v="4628" actId="962"/>
          <ac:picMkLst>
            <pc:docMk/>
            <pc:sldMk cId="41674980" sldId="266"/>
            <ac:picMk id="7" creationId="{0600846F-D0C9-4C85-8F4E-7FBF4731BDD2}"/>
          </ac:picMkLst>
        </pc:picChg>
      </pc:sldChg>
      <pc:sldChg chg="delSp modSp mod modNotesTx">
        <pc:chgData name="Kelsey Peterson" userId="f9abf1b4-a07d-4672-85df-801faa769c9e" providerId="ADAL" clId="{110F25EA-FD8E-4D03-A3EB-C1A9860A6416}" dt="2021-08-16T20:48:08.865" v="5035" actId="478"/>
        <pc:sldMkLst>
          <pc:docMk/>
          <pc:sldMk cId="4054149928" sldId="267"/>
        </pc:sldMkLst>
        <pc:spChg chg="mod">
          <ac:chgData name="Kelsey Peterson" userId="f9abf1b4-a07d-4672-85df-801faa769c9e" providerId="ADAL" clId="{110F25EA-FD8E-4D03-A3EB-C1A9860A6416}" dt="2021-07-30T13:48:13.188" v="1479" actId="20577"/>
          <ac:spMkLst>
            <pc:docMk/>
            <pc:sldMk cId="4054149928" sldId="267"/>
            <ac:spMk id="2" creationId="{00000000-0000-0000-0000-000000000000}"/>
          </ac:spMkLst>
        </pc:spChg>
        <pc:spChg chg="mod">
          <ac:chgData name="Kelsey Peterson" userId="f9abf1b4-a07d-4672-85df-801faa769c9e" providerId="ADAL" clId="{110F25EA-FD8E-4D03-A3EB-C1A9860A6416}" dt="2021-07-30T13:48:17.117" v="1485" actId="20577"/>
          <ac:spMkLst>
            <pc:docMk/>
            <pc:sldMk cId="4054149928" sldId="267"/>
            <ac:spMk id="3" creationId="{00000000-0000-0000-0000-000000000000}"/>
          </ac:spMkLst>
        </pc:spChg>
        <pc:spChg chg="del">
          <ac:chgData name="Kelsey Peterson" userId="f9abf1b4-a07d-4672-85df-801faa769c9e" providerId="ADAL" clId="{110F25EA-FD8E-4D03-A3EB-C1A9860A6416}" dt="2021-08-16T20:48:08.865" v="5035" actId="478"/>
          <ac:spMkLst>
            <pc:docMk/>
            <pc:sldMk cId="4054149928" sldId="267"/>
            <ac:spMk id="5" creationId="{E864B336-FAF9-44BE-B219-4A3759D0C7EA}"/>
          </ac:spMkLst>
        </pc:spChg>
        <pc:spChg chg="del">
          <ac:chgData name="Kelsey Peterson" userId="f9abf1b4-a07d-4672-85df-801faa769c9e" providerId="ADAL" clId="{110F25EA-FD8E-4D03-A3EB-C1A9860A6416}" dt="2021-08-16T20:48:08.212" v="5034" actId="478"/>
          <ac:spMkLst>
            <pc:docMk/>
            <pc:sldMk cId="4054149928" sldId="267"/>
            <ac:spMk id="6" creationId="{0753A9BE-6267-40ED-9B47-87DA538B3458}"/>
          </ac:spMkLst>
        </pc:spChg>
      </pc:sldChg>
      <pc:sldChg chg="addSp delSp modSp add mod ord">
        <pc:chgData name="Kelsey Peterson" userId="f9abf1b4-a07d-4672-85df-801faa769c9e" providerId="ADAL" clId="{110F25EA-FD8E-4D03-A3EB-C1A9860A6416}" dt="2021-08-16T20:50:16.841" v="5081"/>
        <pc:sldMkLst>
          <pc:docMk/>
          <pc:sldMk cId="2669144569" sldId="268"/>
        </pc:sldMkLst>
        <pc:spChg chg="mod">
          <ac:chgData name="Kelsey Peterson" userId="f9abf1b4-a07d-4672-85df-801faa769c9e" providerId="ADAL" clId="{110F25EA-FD8E-4D03-A3EB-C1A9860A6416}" dt="2021-07-30T12:47:12.694" v="450" actId="27636"/>
          <ac:spMkLst>
            <pc:docMk/>
            <pc:sldMk cId="2669144569" sldId="268"/>
            <ac:spMk id="2" creationId="{00000000-0000-0000-0000-000000000000}"/>
          </ac:spMkLst>
        </pc:spChg>
        <pc:spChg chg="del">
          <ac:chgData name="Kelsey Peterson" userId="f9abf1b4-a07d-4672-85df-801faa769c9e" providerId="ADAL" clId="{110F25EA-FD8E-4D03-A3EB-C1A9860A6416}" dt="2021-07-30T12:39:32.274" v="195" actId="478"/>
          <ac:spMkLst>
            <pc:docMk/>
            <pc:sldMk cId="2669144569" sldId="268"/>
            <ac:spMk id="3" creationId="{00000000-0000-0000-0000-000000000000}"/>
          </ac:spMkLst>
        </pc:spChg>
        <pc:spChg chg="del">
          <ac:chgData name="Kelsey Peterson" userId="f9abf1b4-a07d-4672-85df-801faa769c9e" providerId="ADAL" clId="{110F25EA-FD8E-4D03-A3EB-C1A9860A6416}" dt="2021-08-16T20:48:05.660" v="5033" actId="478"/>
          <ac:spMkLst>
            <pc:docMk/>
            <pc:sldMk cId="2669144569" sldId="268"/>
            <ac:spMk id="5" creationId="{E864B336-FAF9-44BE-B219-4A3759D0C7EA}"/>
          </ac:spMkLst>
        </pc:spChg>
        <pc:spChg chg="del">
          <ac:chgData name="Kelsey Peterson" userId="f9abf1b4-a07d-4672-85df-801faa769c9e" providerId="ADAL" clId="{110F25EA-FD8E-4D03-A3EB-C1A9860A6416}" dt="2021-08-16T20:48:04.746" v="5032" actId="478"/>
          <ac:spMkLst>
            <pc:docMk/>
            <pc:sldMk cId="2669144569" sldId="268"/>
            <ac:spMk id="6" creationId="{0753A9BE-6267-40ED-9B47-87DA538B3458}"/>
          </ac:spMkLst>
        </pc:spChg>
        <pc:graphicFrameChg chg="add mod modGraphic">
          <ac:chgData name="Kelsey Peterson" userId="f9abf1b4-a07d-4672-85df-801faa769c9e" providerId="ADAL" clId="{110F25EA-FD8E-4D03-A3EB-C1A9860A6416}" dt="2021-08-16T20:50:16.841" v="5081"/>
          <ac:graphicFrameMkLst>
            <pc:docMk/>
            <pc:sldMk cId="2669144569" sldId="268"/>
            <ac:graphicFrameMk id="4" creationId="{7ACA4399-84BD-4AC7-8B5B-DDCAEAA32265}"/>
          </ac:graphicFrameMkLst>
        </pc:graphicFrameChg>
      </pc:sldChg>
      <pc:sldChg chg="addSp delSp modSp add mod ord modNotesTx">
        <pc:chgData name="Kelsey Peterson" userId="f9abf1b4-a07d-4672-85df-801faa769c9e" providerId="ADAL" clId="{110F25EA-FD8E-4D03-A3EB-C1A9860A6416}" dt="2021-08-16T20:47:20.060" v="5014" actId="478"/>
        <pc:sldMkLst>
          <pc:docMk/>
          <pc:sldMk cId="3080638016" sldId="269"/>
        </pc:sldMkLst>
        <pc:spChg chg="mod">
          <ac:chgData name="Kelsey Peterson" userId="f9abf1b4-a07d-4672-85df-801faa769c9e" providerId="ADAL" clId="{110F25EA-FD8E-4D03-A3EB-C1A9860A6416}" dt="2021-08-06T12:00:10.257" v="3930" actId="20577"/>
          <ac:spMkLst>
            <pc:docMk/>
            <pc:sldMk cId="3080638016" sldId="269"/>
            <ac:spMk id="2" creationId="{00000000-0000-0000-0000-000000000000}"/>
          </ac:spMkLst>
        </pc:spChg>
        <pc:spChg chg="del mod">
          <ac:chgData name="Kelsey Peterson" userId="f9abf1b4-a07d-4672-85df-801faa769c9e" providerId="ADAL" clId="{110F25EA-FD8E-4D03-A3EB-C1A9860A6416}" dt="2021-07-30T13:02:32.303" v="802" actId="478"/>
          <ac:spMkLst>
            <pc:docMk/>
            <pc:sldMk cId="3080638016" sldId="269"/>
            <ac:spMk id="3" creationId="{00000000-0000-0000-0000-000000000000}"/>
          </ac:spMkLst>
        </pc:spChg>
        <pc:spChg chg="del">
          <ac:chgData name="Kelsey Peterson" userId="f9abf1b4-a07d-4672-85df-801faa769c9e" providerId="ADAL" clId="{110F25EA-FD8E-4D03-A3EB-C1A9860A6416}" dt="2021-08-16T20:47:20.060" v="5014" actId="478"/>
          <ac:spMkLst>
            <pc:docMk/>
            <pc:sldMk cId="3080638016" sldId="269"/>
            <ac:spMk id="5" creationId="{E864B336-FAF9-44BE-B219-4A3759D0C7EA}"/>
          </ac:spMkLst>
        </pc:spChg>
        <pc:spChg chg="del">
          <ac:chgData name="Kelsey Peterson" userId="f9abf1b4-a07d-4672-85df-801faa769c9e" providerId="ADAL" clId="{110F25EA-FD8E-4D03-A3EB-C1A9860A6416}" dt="2021-08-16T20:47:19.233" v="5013" actId="478"/>
          <ac:spMkLst>
            <pc:docMk/>
            <pc:sldMk cId="3080638016" sldId="269"/>
            <ac:spMk id="6" creationId="{0753A9BE-6267-40ED-9B47-87DA538B3458}"/>
          </ac:spMkLst>
        </pc:spChg>
        <pc:spChg chg="add mod">
          <ac:chgData name="Kelsey Peterson" userId="f9abf1b4-a07d-4672-85df-801faa769c9e" providerId="ADAL" clId="{110F25EA-FD8E-4D03-A3EB-C1A9860A6416}" dt="2021-08-06T11:46:04.270" v="3483" actId="14100"/>
          <ac:spMkLst>
            <pc:docMk/>
            <pc:sldMk cId="3080638016" sldId="269"/>
            <ac:spMk id="7" creationId="{BDB1AC90-1C97-48D6-911F-B9383E4A9A06}"/>
          </ac:spMkLst>
        </pc:spChg>
        <pc:spChg chg="add del mod">
          <ac:chgData name="Kelsey Peterson" userId="f9abf1b4-a07d-4672-85df-801faa769c9e" providerId="ADAL" clId="{110F25EA-FD8E-4D03-A3EB-C1A9860A6416}" dt="2021-07-30T12:58:08.813" v="638" actId="478"/>
          <ac:spMkLst>
            <pc:docMk/>
            <pc:sldMk cId="3080638016" sldId="269"/>
            <ac:spMk id="7" creationId="{D3BA80E6-54E7-4FDE-A344-FAB06B79641C}"/>
          </ac:spMkLst>
        </pc:spChg>
        <pc:spChg chg="add del mod">
          <ac:chgData name="Kelsey Peterson" userId="f9abf1b4-a07d-4672-85df-801faa769c9e" providerId="ADAL" clId="{110F25EA-FD8E-4D03-A3EB-C1A9860A6416}" dt="2021-07-30T12:58:30.935" v="650" actId="478"/>
          <ac:spMkLst>
            <pc:docMk/>
            <pc:sldMk cId="3080638016" sldId="269"/>
            <ac:spMk id="9" creationId="{F5EEA8DE-D0CE-456B-B8F3-EC87EFCB7E20}"/>
          </ac:spMkLst>
        </pc:spChg>
        <pc:spChg chg="add del mod">
          <ac:chgData name="Kelsey Peterson" userId="f9abf1b4-a07d-4672-85df-801faa769c9e" providerId="ADAL" clId="{110F25EA-FD8E-4D03-A3EB-C1A9860A6416}" dt="2021-07-30T13:02:34.439" v="803" actId="478"/>
          <ac:spMkLst>
            <pc:docMk/>
            <pc:sldMk cId="3080638016" sldId="269"/>
            <ac:spMk id="13" creationId="{01F175BD-710A-46F9-8249-DB828360829B}"/>
          </ac:spMkLst>
        </pc:spChg>
        <pc:graphicFrameChg chg="add del mod modGraphic">
          <ac:chgData name="Kelsey Peterson" userId="f9abf1b4-a07d-4672-85df-801faa769c9e" providerId="ADAL" clId="{110F25EA-FD8E-4D03-A3EB-C1A9860A6416}" dt="2021-07-30T13:02:25.186" v="798" actId="478"/>
          <ac:graphicFrameMkLst>
            <pc:docMk/>
            <pc:sldMk cId="3080638016" sldId="269"/>
            <ac:graphicFrameMk id="10" creationId="{A9EBF0B1-990B-4C33-85F0-ABE60CA959DE}"/>
          </ac:graphicFrameMkLst>
        </pc:graphicFrameChg>
        <pc:graphicFrameChg chg="add del mod modGraphic">
          <ac:chgData name="Kelsey Peterson" userId="f9abf1b4-a07d-4672-85df-801faa769c9e" providerId="ADAL" clId="{110F25EA-FD8E-4D03-A3EB-C1A9860A6416}" dt="2021-08-06T11:45:20.822" v="3476" actId="478"/>
          <ac:graphicFrameMkLst>
            <pc:docMk/>
            <pc:sldMk cId="3080638016" sldId="269"/>
            <ac:graphicFrameMk id="11" creationId="{AA58BF5E-6E72-48C0-AC16-31D3FBA82570}"/>
          </ac:graphicFrameMkLst>
        </pc:graphicFrameChg>
        <pc:picChg chg="add mod">
          <ac:chgData name="Kelsey Peterson" userId="f9abf1b4-a07d-4672-85df-801faa769c9e" providerId="ADAL" clId="{110F25EA-FD8E-4D03-A3EB-C1A9860A6416}" dt="2021-08-06T12:15:10.464" v="4311" actId="962"/>
          <ac:picMkLst>
            <pc:docMk/>
            <pc:sldMk cId="3080638016" sldId="269"/>
            <ac:picMk id="8" creationId="{00A75581-83B6-44D3-8925-CBCE44635905}"/>
          </ac:picMkLst>
        </pc:picChg>
      </pc:sldChg>
      <pc:sldChg chg="modSp add del mod">
        <pc:chgData name="Kelsey Peterson" userId="f9abf1b4-a07d-4672-85df-801faa769c9e" providerId="ADAL" clId="{110F25EA-FD8E-4D03-A3EB-C1A9860A6416}" dt="2021-08-10T20:36:22.477" v="4772" actId="2696"/>
        <pc:sldMkLst>
          <pc:docMk/>
          <pc:sldMk cId="1837573194" sldId="270"/>
        </pc:sldMkLst>
        <pc:graphicFrameChg chg="modGraphic">
          <ac:chgData name="Kelsey Peterson" userId="f9abf1b4-a07d-4672-85df-801faa769c9e" providerId="ADAL" clId="{110F25EA-FD8E-4D03-A3EB-C1A9860A6416}" dt="2021-07-30T13:37:57.836" v="1320" actId="207"/>
          <ac:graphicFrameMkLst>
            <pc:docMk/>
            <pc:sldMk cId="1837573194" sldId="270"/>
            <ac:graphicFrameMk id="4" creationId="{7ACA4399-84BD-4AC7-8B5B-DDCAEAA32265}"/>
          </ac:graphicFrameMkLst>
        </pc:graphicFrameChg>
      </pc:sldChg>
      <pc:sldChg chg="modSp add del mod ord">
        <pc:chgData name="Kelsey Peterson" userId="f9abf1b4-a07d-4672-85df-801faa769c9e" providerId="ADAL" clId="{110F25EA-FD8E-4D03-A3EB-C1A9860A6416}" dt="2021-07-30T13:20:10.458" v="1000" actId="2696"/>
        <pc:sldMkLst>
          <pc:docMk/>
          <pc:sldMk cId="2235826468" sldId="270"/>
        </pc:sldMkLst>
        <pc:spChg chg="mod">
          <ac:chgData name="Kelsey Peterson" userId="f9abf1b4-a07d-4672-85df-801faa769c9e" providerId="ADAL" clId="{110F25EA-FD8E-4D03-A3EB-C1A9860A6416}" dt="2021-07-30T13:17:30.200" v="826" actId="27636"/>
          <ac:spMkLst>
            <pc:docMk/>
            <pc:sldMk cId="2235826468" sldId="270"/>
            <ac:spMk id="2" creationId="{00000000-0000-0000-0000-000000000000}"/>
          </ac:spMkLst>
        </pc:spChg>
        <pc:spChg chg="mod">
          <ac:chgData name="Kelsey Peterson" userId="f9abf1b4-a07d-4672-85df-801faa769c9e" providerId="ADAL" clId="{110F25EA-FD8E-4D03-A3EB-C1A9860A6416}" dt="2021-07-30T13:19:53.075" v="999" actId="20577"/>
          <ac:spMkLst>
            <pc:docMk/>
            <pc:sldMk cId="2235826468" sldId="270"/>
            <ac:spMk id="3" creationId="{00000000-0000-0000-0000-000000000000}"/>
          </ac:spMkLst>
        </pc:spChg>
      </pc:sldChg>
      <pc:sldChg chg="addSp delSp modSp add mod modNotesTx">
        <pc:chgData name="Kelsey Peterson" userId="f9abf1b4-a07d-4672-85df-801faa769c9e" providerId="ADAL" clId="{110F25EA-FD8E-4D03-A3EB-C1A9860A6416}" dt="2021-08-16T20:48:53.506" v="5056" actId="20577"/>
        <pc:sldMkLst>
          <pc:docMk/>
          <pc:sldMk cId="2030167298" sldId="271"/>
        </pc:sldMkLst>
        <pc:spChg chg="mod">
          <ac:chgData name="Kelsey Peterson" userId="f9abf1b4-a07d-4672-85df-801faa769c9e" providerId="ADAL" clId="{110F25EA-FD8E-4D03-A3EB-C1A9860A6416}" dt="2021-07-30T13:48:07.164" v="1476" actId="20577"/>
          <ac:spMkLst>
            <pc:docMk/>
            <pc:sldMk cId="2030167298" sldId="271"/>
            <ac:spMk id="2" creationId="{00000000-0000-0000-0000-000000000000}"/>
          </ac:spMkLst>
        </pc:spChg>
        <pc:spChg chg="mod">
          <ac:chgData name="Kelsey Peterson" userId="f9abf1b4-a07d-4672-85df-801faa769c9e" providerId="ADAL" clId="{110F25EA-FD8E-4D03-A3EB-C1A9860A6416}" dt="2021-08-16T20:48:53.506" v="5056" actId="20577"/>
          <ac:spMkLst>
            <pc:docMk/>
            <pc:sldMk cId="2030167298" sldId="271"/>
            <ac:spMk id="3" creationId="{00000000-0000-0000-0000-000000000000}"/>
          </ac:spMkLst>
        </pc:spChg>
        <pc:spChg chg="add del mod">
          <ac:chgData name="Kelsey Peterson" userId="f9abf1b4-a07d-4672-85df-801faa769c9e" providerId="ADAL" clId="{110F25EA-FD8E-4D03-A3EB-C1A9860A6416}" dt="2021-08-16T20:48:26.347" v="5039" actId="478"/>
          <ac:spMkLst>
            <pc:docMk/>
            <pc:sldMk cId="2030167298" sldId="271"/>
            <ac:spMk id="4" creationId="{C778843A-3B54-40E9-BFD7-FFA46900ECE6}"/>
          </ac:spMkLst>
        </pc:spChg>
        <pc:spChg chg="add del">
          <ac:chgData name="Kelsey Peterson" userId="f9abf1b4-a07d-4672-85df-801faa769c9e" providerId="ADAL" clId="{110F25EA-FD8E-4D03-A3EB-C1A9860A6416}" dt="2021-08-16T20:48:12.738" v="5037" actId="478"/>
          <ac:spMkLst>
            <pc:docMk/>
            <pc:sldMk cId="2030167298" sldId="271"/>
            <ac:spMk id="5" creationId="{E864B336-FAF9-44BE-B219-4A3759D0C7EA}"/>
          </ac:spMkLst>
        </pc:spChg>
        <pc:spChg chg="del">
          <ac:chgData name="Kelsey Peterson" userId="f9abf1b4-a07d-4672-85df-801faa769c9e" providerId="ADAL" clId="{110F25EA-FD8E-4D03-A3EB-C1A9860A6416}" dt="2021-08-16T20:48:11.946" v="5036" actId="478"/>
          <ac:spMkLst>
            <pc:docMk/>
            <pc:sldMk cId="2030167298" sldId="271"/>
            <ac:spMk id="6" creationId="{0753A9BE-6267-40ED-9B47-87DA538B3458}"/>
          </ac:spMkLst>
        </pc:spChg>
      </pc:sldChg>
      <pc:sldChg chg="new del">
        <pc:chgData name="Kelsey Peterson" userId="f9abf1b4-a07d-4672-85df-801faa769c9e" providerId="ADAL" clId="{110F25EA-FD8E-4D03-A3EB-C1A9860A6416}" dt="2021-07-30T13:46:27.565" v="1409" actId="2696"/>
        <pc:sldMkLst>
          <pc:docMk/>
          <pc:sldMk cId="2208308297" sldId="271"/>
        </pc:sldMkLst>
      </pc:sldChg>
      <pc:sldChg chg="delSp modSp add mod ord">
        <pc:chgData name="Kelsey Peterson" userId="f9abf1b4-a07d-4672-85df-801faa769c9e" providerId="ADAL" clId="{110F25EA-FD8E-4D03-A3EB-C1A9860A6416}" dt="2021-08-16T20:48:56.684" v="5057" actId="478"/>
        <pc:sldMkLst>
          <pc:docMk/>
          <pc:sldMk cId="3690184567" sldId="272"/>
        </pc:sldMkLst>
        <pc:spChg chg="mod">
          <ac:chgData name="Kelsey Peterson" userId="f9abf1b4-a07d-4672-85df-801faa769c9e" providerId="ADAL" clId="{110F25EA-FD8E-4D03-A3EB-C1A9860A6416}" dt="2021-07-30T18:53:55.315" v="2841" actId="20577"/>
          <ac:spMkLst>
            <pc:docMk/>
            <pc:sldMk cId="3690184567" sldId="272"/>
            <ac:spMk id="2" creationId="{00000000-0000-0000-0000-000000000000}"/>
          </ac:spMkLst>
        </pc:spChg>
        <pc:spChg chg="mod">
          <ac:chgData name="Kelsey Peterson" userId="f9abf1b4-a07d-4672-85df-801faa769c9e" providerId="ADAL" clId="{110F25EA-FD8E-4D03-A3EB-C1A9860A6416}" dt="2021-08-10T20:56:17.769" v="4823" actId="20577"/>
          <ac:spMkLst>
            <pc:docMk/>
            <pc:sldMk cId="3690184567" sldId="272"/>
            <ac:spMk id="3" creationId="{00000000-0000-0000-0000-000000000000}"/>
          </ac:spMkLst>
        </pc:spChg>
        <pc:spChg chg="del">
          <ac:chgData name="Kelsey Peterson" userId="f9abf1b4-a07d-4672-85df-801faa769c9e" providerId="ADAL" clId="{110F25EA-FD8E-4D03-A3EB-C1A9860A6416}" dt="2021-08-16T20:48:56.684" v="5057" actId="478"/>
          <ac:spMkLst>
            <pc:docMk/>
            <pc:sldMk cId="3690184567" sldId="272"/>
            <ac:spMk id="5" creationId="{E864B336-FAF9-44BE-B219-4A3759D0C7EA}"/>
          </ac:spMkLst>
        </pc:spChg>
        <pc:spChg chg="del">
          <ac:chgData name="Kelsey Peterson" userId="f9abf1b4-a07d-4672-85df-801faa769c9e" providerId="ADAL" clId="{110F25EA-FD8E-4D03-A3EB-C1A9860A6416}" dt="2021-08-16T20:48:47.956" v="5052" actId="478"/>
          <ac:spMkLst>
            <pc:docMk/>
            <pc:sldMk cId="3690184567" sldId="272"/>
            <ac:spMk id="6" creationId="{0753A9BE-6267-40ED-9B47-87DA538B3458}"/>
          </ac:spMkLst>
        </pc:spChg>
      </pc:sldChg>
      <pc:sldChg chg="addSp delSp modSp add mod">
        <pc:chgData name="Kelsey Peterson" userId="f9abf1b4-a07d-4672-85df-801faa769c9e" providerId="ADAL" clId="{110F25EA-FD8E-4D03-A3EB-C1A9860A6416}" dt="2021-08-16T20:49:00.089" v="5059" actId="478"/>
        <pc:sldMkLst>
          <pc:docMk/>
          <pc:sldMk cId="2780907026" sldId="273"/>
        </pc:sldMkLst>
        <pc:spChg chg="mod">
          <ac:chgData name="Kelsey Peterson" userId="f9abf1b4-a07d-4672-85df-801faa769c9e" providerId="ADAL" clId="{110F25EA-FD8E-4D03-A3EB-C1A9860A6416}" dt="2021-07-30T18:54:01.681" v="2853" actId="20577"/>
          <ac:spMkLst>
            <pc:docMk/>
            <pc:sldMk cId="2780907026" sldId="273"/>
            <ac:spMk id="2" creationId="{00000000-0000-0000-0000-000000000000}"/>
          </ac:spMkLst>
        </pc:spChg>
        <pc:spChg chg="del">
          <ac:chgData name="Kelsey Peterson" userId="f9abf1b4-a07d-4672-85df-801faa769c9e" providerId="ADAL" clId="{110F25EA-FD8E-4D03-A3EB-C1A9860A6416}" dt="2021-07-30T15:28:10.091" v="1793" actId="478"/>
          <ac:spMkLst>
            <pc:docMk/>
            <pc:sldMk cId="2780907026" sldId="273"/>
            <ac:spMk id="3" creationId="{00000000-0000-0000-0000-000000000000}"/>
          </ac:spMkLst>
        </pc:spChg>
        <pc:spChg chg="del">
          <ac:chgData name="Kelsey Peterson" userId="f9abf1b4-a07d-4672-85df-801faa769c9e" providerId="ADAL" clId="{110F25EA-FD8E-4D03-A3EB-C1A9860A6416}" dt="2021-08-16T20:49:00.089" v="5059" actId="478"/>
          <ac:spMkLst>
            <pc:docMk/>
            <pc:sldMk cId="2780907026" sldId="273"/>
            <ac:spMk id="5" creationId="{E864B336-FAF9-44BE-B219-4A3759D0C7EA}"/>
          </ac:spMkLst>
        </pc:spChg>
        <pc:spChg chg="del">
          <ac:chgData name="Kelsey Peterson" userId="f9abf1b4-a07d-4672-85df-801faa769c9e" providerId="ADAL" clId="{110F25EA-FD8E-4D03-A3EB-C1A9860A6416}" dt="2021-08-16T20:48:59.362" v="5058" actId="478"/>
          <ac:spMkLst>
            <pc:docMk/>
            <pc:sldMk cId="2780907026" sldId="273"/>
            <ac:spMk id="6" creationId="{0753A9BE-6267-40ED-9B47-87DA538B3458}"/>
          </ac:spMkLst>
        </pc:spChg>
        <pc:spChg chg="add del mod">
          <ac:chgData name="Kelsey Peterson" userId="f9abf1b4-a07d-4672-85df-801faa769c9e" providerId="ADAL" clId="{110F25EA-FD8E-4D03-A3EB-C1A9860A6416}" dt="2021-07-30T15:28:12.202" v="1794" actId="478"/>
          <ac:spMkLst>
            <pc:docMk/>
            <pc:sldMk cId="2780907026" sldId="273"/>
            <ac:spMk id="7" creationId="{EA3664DC-E015-49A7-9E68-2CC46F9323F3}"/>
          </ac:spMkLst>
        </pc:spChg>
        <pc:spChg chg="add mod">
          <ac:chgData name="Kelsey Peterson" userId="f9abf1b4-a07d-4672-85df-801faa769c9e" providerId="ADAL" clId="{110F25EA-FD8E-4D03-A3EB-C1A9860A6416}" dt="2021-07-30T15:28:37.686" v="1795"/>
          <ac:spMkLst>
            <pc:docMk/>
            <pc:sldMk cId="2780907026" sldId="273"/>
            <ac:spMk id="9" creationId="{E555EE93-44D1-4F28-95A0-CA831B3F79CB}"/>
          </ac:spMkLst>
        </pc:spChg>
        <pc:spChg chg="add mod">
          <ac:chgData name="Kelsey Peterson" userId="f9abf1b4-a07d-4672-85df-801faa769c9e" providerId="ADAL" clId="{110F25EA-FD8E-4D03-A3EB-C1A9860A6416}" dt="2021-07-30T15:28:37.686" v="1795"/>
          <ac:spMkLst>
            <pc:docMk/>
            <pc:sldMk cId="2780907026" sldId="273"/>
            <ac:spMk id="10" creationId="{A255EC99-5D89-4022-BAA8-71F56B42340A}"/>
          </ac:spMkLst>
        </pc:spChg>
        <pc:spChg chg="add mod">
          <ac:chgData name="Kelsey Peterson" userId="f9abf1b4-a07d-4672-85df-801faa769c9e" providerId="ADAL" clId="{110F25EA-FD8E-4D03-A3EB-C1A9860A6416}" dt="2021-07-30T15:28:37.686" v="1795"/>
          <ac:spMkLst>
            <pc:docMk/>
            <pc:sldMk cId="2780907026" sldId="273"/>
            <ac:spMk id="11" creationId="{4518A58F-9CD5-4FB2-B6D0-088F30D8D824}"/>
          </ac:spMkLst>
        </pc:spChg>
        <pc:spChg chg="add mod">
          <ac:chgData name="Kelsey Peterson" userId="f9abf1b4-a07d-4672-85df-801faa769c9e" providerId="ADAL" clId="{110F25EA-FD8E-4D03-A3EB-C1A9860A6416}" dt="2021-07-30T15:28:37.686" v="1795"/>
          <ac:spMkLst>
            <pc:docMk/>
            <pc:sldMk cId="2780907026" sldId="273"/>
            <ac:spMk id="12" creationId="{E00E017A-7DC2-4632-9982-664A3EFAA7FE}"/>
          </ac:spMkLst>
        </pc:spChg>
        <pc:spChg chg="add mod">
          <ac:chgData name="Kelsey Peterson" userId="f9abf1b4-a07d-4672-85df-801faa769c9e" providerId="ADAL" clId="{110F25EA-FD8E-4D03-A3EB-C1A9860A6416}" dt="2021-07-30T15:28:37.686" v="1795"/>
          <ac:spMkLst>
            <pc:docMk/>
            <pc:sldMk cId="2780907026" sldId="273"/>
            <ac:spMk id="14" creationId="{874EEAAF-5DD3-4AAC-A788-F8A1295CB99F}"/>
          </ac:spMkLst>
        </pc:spChg>
        <pc:spChg chg="add mod">
          <ac:chgData name="Kelsey Peterson" userId="f9abf1b4-a07d-4672-85df-801faa769c9e" providerId="ADAL" clId="{110F25EA-FD8E-4D03-A3EB-C1A9860A6416}" dt="2021-07-30T15:28:37.686" v="1795"/>
          <ac:spMkLst>
            <pc:docMk/>
            <pc:sldMk cId="2780907026" sldId="273"/>
            <ac:spMk id="16" creationId="{168A5166-6476-422A-89AE-11DC51C722AE}"/>
          </ac:spMkLst>
        </pc:spChg>
        <pc:spChg chg="add mod">
          <ac:chgData name="Kelsey Peterson" userId="f9abf1b4-a07d-4672-85df-801faa769c9e" providerId="ADAL" clId="{110F25EA-FD8E-4D03-A3EB-C1A9860A6416}" dt="2021-07-30T15:28:37.686" v="1795"/>
          <ac:spMkLst>
            <pc:docMk/>
            <pc:sldMk cId="2780907026" sldId="273"/>
            <ac:spMk id="18" creationId="{9B525360-26F6-42D8-A582-5D1467AE4C06}"/>
          </ac:spMkLst>
        </pc:spChg>
        <pc:spChg chg="add mod">
          <ac:chgData name="Kelsey Peterson" userId="f9abf1b4-a07d-4672-85df-801faa769c9e" providerId="ADAL" clId="{110F25EA-FD8E-4D03-A3EB-C1A9860A6416}" dt="2021-07-30T15:28:37.686" v="1795"/>
          <ac:spMkLst>
            <pc:docMk/>
            <pc:sldMk cId="2780907026" sldId="273"/>
            <ac:spMk id="20" creationId="{28668C1B-5A88-4889-BBDD-865A7C83BD23}"/>
          </ac:spMkLst>
        </pc:spChg>
        <pc:spChg chg="add mod">
          <ac:chgData name="Kelsey Peterson" userId="f9abf1b4-a07d-4672-85df-801faa769c9e" providerId="ADAL" clId="{110F25EA-FD8E-4D03-A3EB-C1A9860A6416}" dt="2021-07-30T15:28:37.686" v="1795"/>
          <ac:spMkLst>
            <pc:docMk/>
            <pc:sldMk cId="2780907026" sldId="273"/>
            <ac:spMk id="22" creationId="{1AF6DDCA-D778-4F00-ACA5-1F4183A9C5FD}"/>
          </ac:spMkLst>
        </pc:spChg>
        <pc:spChg chg="add mod">
          <ac:chgData name="Kelsey Peterson" userId="f9abf1b4-a07d-4672-85df-801faa769c9e" providerId="ADAL" clId="{110F25EA-FD8E-4D03-A3EB-C1A9860A6416}" dt="2021-07-30T15:28:37.686" v="1795"/>
          <ac:spMkLst>
            <pc:docMk/>
            <pc:sldMk cId="2780907026" sldId="273"/>
            <ac:spMk id="24" creationId="{25CE5C78-F3C9-44FD-B2B0-E993C2476177}"/>
          </ac:spMkLst>
        </pc:spChg>
        <pc:spChg chg="add mod">
          <ac:chgData name="Kelsey Peterson" userId="f9abf1b4-a07d-4672-85df-801faa769c9e" providerId="ADAL" clId="{110F25EA-FD8E-4D03-A3EB-C1A9860A6416}" dt="2021-07-30T15:28:37.686" v="1795"/>
          <ac:spMkLst>
            <pc:docMk/>
            <pc:sldMk cId="2780907026" sldId="273"/>
            <ac:spMk id="26" creationId="{EBA39E6D-5C61-449B-A063-97E7245DA7D7}"/>
          </ac:spMkLst>
        </pc:spChg>
        <pc:spChg chg="add mod">
          <ac:chgData name="Kelsey Peterson" userId="f9abf1b4-a07d-4672-85df-801faa769c9e" providerId="ADAL" clId="{110F25EA-FD8E-4D03-A3EB-C1A9860A6416}" dt="2021-07-30T15:28:37.686" v="1795"/>
          <ac:spMkLst>
            <pc:docMk/>
            <pc:sldMk cId="2780907026" sldId="273"/>
            <ac:spMk id="28" creationId="{E9715EEE-F70B-43F5-B48F-1913E48F7073}"/>
          </ac:spMkLst>
        </pc:spChg>
        <pc:spChg chg="add mod">
          <ac:chgData name="Kelsey Peterson" userId="f9abf1b4-a07d-4672-85df-801faa769c9e" providerId="ADAL" clId="{110F25EA-FD8E-4D03-A3EB-C1A9860A6416}" dt="2021-07-30T15:28:37.686" v="1795"/>
          <ac:spMkLst>
            <pc:docMk/>
            <pc:sldMk cId="2780907026" sldId="273"/>
            <ac:spMk id="30" creationId="{167072AA-FC56-4351-A540-B201F44E6ED4}"/>
          </ac:spMkLst>
        </pc:spChg>
        <pc:spChg chg="add mod">
          <ac:chgData name="Kelsey Peterson" userId="f9abf1b4-a07d-4672-85df-801faa769c9e" providerId="ADAL" clId="{110F25EA-FD8E-4D03-A3EB-C1A9860A6416}" dt="2021-07-30T15:28:37.686" v="1795"/>
          <ac:spMkLst>
            <pc:docMk/>
            <pc:sldMk cId="2780907026" sldId="273"/>
            <ac:spMk id="32" creationId="{D0C62AC2-5025-4A0A-98CC-96211FFBF999}"/>
          </ac:spMkLst>
        </pc:spChg>
        <pc:spChg chg="add mod">
          <ac:chgData name="Kelsey Peterson" userId="f9abf1b4-a07d-4672-85df-801faa769c9e" providerId="ADAL" clId="{110F25EA-FD8E-4D03-A3EB-C1A9860A6416}" dt="2021-07-30T15:28:37.686" v="1795"/>
          <ac:spMkLst>
            <pc:docMk/>
            <pc:sldMk cId="2780907026" sldId="273"/>
            <ac:spMk id="34" creationId="{F42DAEAC-6B71-4EAB-8365-37B42FC01CF4}"/>
          </ac:spMkLst>
        </pc:spChg>
        <pc:spChg chg="add mod">
          <ac:chgData name="Kelsey Peterson" userId="f9abf1b4-a07d-4672-85df-801faa769c9e" providerId="ADAL" clId="{110F25EA-FD8E-4D03-A3EB-C1A9860A6416}" dt="2021-07-30T15:32:03.095" v="1822" actId="1076"/>
          <ac:spMkLst>
            <pc:docMk/>
            <pc:sldMk cId="2780907026" sldId="273"/>
            <ac:spMk id="35" creationId="{2A47B264-4C2A-4002-944C-C08501641F6A}"/>
          </ac:spMkLst>
        </pc:spChg>
        <pc:spChg chg="add mod">
          <ac:chgData name="Kelsey Peterson" userId="f9abf1b4-a07d-4672-85df-801faa769c9e" providerId="ADAL" clId="{110F25EA-FD8E-4D03-A3EB-C1A9860A6416}" dt="2021-07-30T15:31:44.024" v="1819" actId="1076"/>
          <ac:spMkLst>
            <pc:docMk/>
            <pc:sldMk cId="2780907026" sldId="273"/>
            <ac:spMk id="36" creationId="{A683D937-8998-4CF4-980F-886F6D3CC2B9}"/>
          </ac:spMkLst>
        </pc:spChg>
        <pc:spChg chg="add mod">
          <ac:chgData name="Kelsey Peterson" userId="f9abf1b4-a07d-4672-85df-801faa769c9e" providerId="ADAL" clId="{110F25EA-FD8E-4D03-A3EB-C1A9860A6416}" dt="2021-07-30T15:32:12.122" v="1823" actId="1076"/>
          <ac:spMkLst>
            <pc:docMk/>
            <pc:sldMk cId="2780907026" sldId="273"/>
            <ac:spMk id="37" creationId="{BBE0C877-0A5B-4E17-B25F-2FE0A289CCFD}"/>
          </ac:spMkLst>
        </pc:spChg>
        <pc:spChg chg="add mod">
          <ac:chgData name="Kelsey Peterson" userId="f9abf1b4-a07d-4672-85df-801faa769c9e" providerId="ADAL" clId="{110F25EA-FD8E-4D03-A3EB-C1A9860A6416}" dt="2021-07-30T15:32:12.122" v="1823" actId="1076"/>
          <ac:spMkLst>
            <pc:docMk/>
            <pc:sldMk cId="2780907026" sldId="273"/>
            <ac:spMk id="38" creationId="{2FB25A13-24BF-4E1C-99A3-CB51C5FDC766}"/>
          </ac:spMkLst>
        </pc:spChg>
        <pc:spChg chg="add mod">
          <ac:chgData name="Kelsey Peterson" userId="f9abf1b4-a07d-4672-85df-801faa769c9e" providerId="ADAL" clId="{110F25EA-FD8E-4D03-A3EB-C1A9860A6416}" dt="2021-07-30T15:29:04.067" v="1796" actId="1076"/>
          <ac:spMkLst>
            <pc:docMk/>
            <pc:sldMk cId="2780907026" sldId="273"/>
            <ac:spMk id="39" creationId="{659B6B1E-7DC2-4912-941B-9AFE9B4DCC4E}"/>
          </ac:spMkLst>
        </pc:spChg>
        <pc:spChg chg="add mod">
          <ac:chgData name="Kelsey Peterson" userId="f9abf1b4-a07d-4672-85df-801faa769c9e" providerId="ADAL" clId="{110F25EA-FD8E-4D03-A3EB-C1A9860A6416}" dt="2021-07-30T15:28:37.686" v="1795"/>
          <ac:spMkLst>
            <pc:docMk/>
            <pc:sldMk cId="2780907026" sldId="273"/>
            <ac:spMk id="40" creationId="{6758593F-246A-4EFD-BD83-FC98C24A3073}"/>
          </ac:spMkLst>
        </pc:spChg>
        <pc:spChg chg="add mod">
          <ac:chgData name="Kelsey Peterson" userId="f9abf1b4-a07d-4672-85df-801faa769c9e" providerId="ADAL" clId="{110F25EA-FD8E-4D03-A3EB-C1A9860A6416}" dt="2021-07-30T15:28:37.686" v="1795"/>
          <ac:spMkLst>
            <pc:docMk/>
            <pc:sldMk cId="2780907026" sldId="273"/>
            <ac:spMk id="41" creationId="{DC881AFB-4C9A-4834-A02E-531DA49A5DAA}"/>
          </ac:spMkLst>
        </pc:spChg>
        <pc:spChg chg="add mod">
          <ac:chgData name="Kelsey Peterson" userId="f9abf1b4-a07d-4672-85df-801faa769c9e" providerId="ADAL" clId="{110F25EA-FD8E-4D03-A3EB-C1A9860A6416}" dt="2021-07-30T15:28:37.686" v="1795"/>
          <ac:spMkLst>
            <pc:docMk/>
            <pc:sldMk cId="2780907026" sldId="273"/>
            <ac:spMk id="42" creationId="{DB7E3859-ED93-44A9-9A97-A5B2489EB4E8}"/>
          </ac:spMkLst>
        </pc:spChg>
        <pc:spChg chg="add mod">
          <ac:chgData name="Kelsey Peterson" userId="f9abf1b4-a07d-4672-85df-801faa769c9e" providerId="ADAL" clId="{110F25EA-FD8E-4D03-A3EB-C1A9860A6416}" dt="2021-07-30T15:29:14.396" v="1801" actId="1038"/>
          <ac:spMkLst>
            <pc:docMk/>
            <pc:sldMk cId="2780907026" sldId="273"/>
            <ac:spMk id="43" creationId="{06D3D5D4-5535-44E0-BEAB-E0EF3CF338B3}"/>
          </ac:spMkLst>
        </pc:spChg>
        <pc:spChg chg="add mod">
          <ac:chgData name="Kelsey Peterson" userId="f9abf1b4-a07d-4672-85df-801faa769c9e" providerId="ADAL" clId="{110F25EA-FD8E-4D03-A3EB-C1A9860A6416}" dt="2021-07-30T15:29:23.309" v="1808" actId="20577"/>
          <ac:spMkLst>
            <pc:docMk/>
            <pc:sldMk cId="2780907026" sldId="273"/>
            <ac:spMk id="44" creationId="{E3FA53B7-C6D8-4C49-B405-41C1E0C98E24}"/>
          </ac:spMkLst>
        </pc:spChg>
        <pc:spChg chg="add mod">
          <ac:chgData name="Kelsey Peterson" userId="f9abf1b4-a07d-4672-85df-801faa769c9e" providerId="ADAL" clId="{110F25EA-FD8E-4D03-A3EB-C1A9860A6416}" dt="2021-07-30T15:30:43.814" v="1812" actId="1076"/>
          <ac:spMkLst>
            <pc:docMk/>
            <pc:sldMk cId="2780907026" sldId="273"/>
            <ac:spMk id="45" creationId="{1038CD83-132D-46E5-8C72-773D2F6DCCD6}"/>
          </ac:spMkLst>
        </pc:spChg>
        <pc:spChg chg="add mod">
          <ac:chgData name="Kelsey Peterson" userId="f9abf1b4-a07d-4672-85df-801faa769c9e" providerId="ADAL" clId="{110F25EA-FD8E-4D03-A3EB-C1A9860A6416}" dt="2021-07-30T15:30:43.814" v="1812" actId="1076"/>
          <ac:spMkLst>
            <pc:docMk/>
            <pc:sldMk cId="2780907026" sldId="273"/>
            <ac:spMk id="46" creationId="{E0D8B039-FBFF-45A6-9286-B6A5636F89B1}"/>
          </ac:spMkLst>
        </pc:spChg>
        <pc:spChg chg="add mod">
          <ac:chgData name="Kelsey Peterson" userId="f9abf1b4-a07d-4672-85df-801faa769c9e" providerId="ADAL" clId="{110F25EA-FD8E-4D03-A3EB-C1A9860A6416}" dt="2021-07-30T15:32:30.350" v="1824" actId="1076"/>
          <ac:spMkLst>
            <pc:docMk/>
            <pc:sldMk cId="2780907026" sldId="273"/>
            <ac:spMk id="47" creationId="{73A7EAB5-F9BD-4ACB-8C33-809D2E88C40E}"/>
          </ac:spMkLst>
        </pc:spChg>
        <pc:spChg chg="add mod">
          <ac:chgData name="Kelsey Peterson" userId="f9abf1b4-a07d-4672-85df-801faa769c9e" providerId="ADAL" clId="{110F25EA-FD8E-4D03-A3EB-C1A9860A6416}" dt="2021-07-30T15:32:30.350" v="1824" actId="1076"/>
          <ac:spMkLst>
            <pc:docMk/>
            <pc:sldMk cId="2780907026" sldId="273"/>
            <ac:spMk id="48" creationId="{EEDAF03F-F3B1-41AF-915F-DE0D34DCAAB6}"/>
          </ac:spMkLst>
        </pc:spChg>
        <pc:spChg chg="add mod">
          <ac:chgData name="Kelsey Peterson" userId="f9abf1b4-a07d-4672-85df-801faa769c9e" providerId="ADAL" clId="{110F25EA-FD8E-4D03-A3EB-C1A9860A6416}" dt="2021-07-30T15:32:30.350" v="1824" actId="1076"/>
          <ac:spMkLst>
            <pc:docMk/>
            <pc:sldMk cId="2780907026" sldId="273"/>
            <ac:spMk id="49" creationId="{B6497F96-74C8-4659-8E1B-D4A83C83FBF7}"/>
          </ac:spMkLst>
        </pc:spChg>
        <pc:spChg chg="add mod">
          <ac:chgData name="Kelsey Peterson" userId="f9abf1b4-a07d-4672-85df-801faa769c9e" providerId="ADAL" clId="{110F25EA-FD8E-4D03-A3EB-C1A9860A6416}" dt="2021-07-30T15:28:37.686" v="1795"/>
          <ac:spMkLst>
            <pc:docMk/>
            <pc:sldMk cId="2780907026" sldId="273"/>
            <ac:spMk id="50" creationId="{37E41ECF-9905-4495-B4ED-D144515FAD87}"/>
          </ac:spMkLst>
        </pc:spChg>
        <pc:spChg chg="add mod">
          <ac:chgData name="Kelsey Peterson" userId="f9abf1b4-a07d-4672-85df-801faa769c9e" providerId="ADAL" clId="{110F25EA-FD8E-4D03-A3EB-C1A9860A6416}" dt="2021-07-30T15:28:37.686" v="1795"/>
          <ac:spMkLst>
            <pc:docMk/>
            <pc:sldMk cId="2780907026" sldId="273"/>
            <ac:spMk id="51" creationId="{C18BDC68-1715-4533-A225-F3659619C2A6}"/>
          </ac:spMkLst>
        </pc:spChg>
        <pc:spChg chg="add mod">
          <ac:chgData name="Kelsey Peterson" userId="f9abf1b4-a07d-4672-85df-801faa769c9e" providerId="ADAL" clId="{110F25EA-FD8E-4D03-A3EB-C1A9860A6416}" dt="2021-07-30T15:28:37.686" v="1795"/>
          <ac:spMkLst>
            <pc:docMk/>
            <pc:sldMk cId="2780907026" sldId="273"/>
            <ac:spMk id="52" creationId="{B752FE4F-A591-42B2-B4D9-9D615AEFA7EF}"/>
          </ac:spMkLst>
        </pc:spChg>
        <pc:spChg chg="add mod">
          <ac:chgData name="Kelsey Peterson" userId="f9abf1b4-a07d-4672-85df-801faa769c9e" providerId="ADAL" clId="{110F25EA-FD8E-4D03-A3EB-C1A9860A6416}" dt="2021-07-30T15:28:37.686" v="1795"/>
          <ac:spMkLst>
            <pc:docMk/>
            <pc:sldMk cId="2780907026" sldId="273"/>
            <ac:spMk id="54" creationId="{37520F52-A04C-41F5-BD00-46863E78499A}"/>
          </ac:spMkLst>
        </pc:spChg>
        <pc:spChg chg="add mod">
          <ac:chgData name="Kelsey Peterson" userId="f9abf1b4-a07d-4672-85df-801faa769c9e" providerId="ADAL" clId="{110F25EA-FD8E-4D03-A3EB-C1A9860A6416}" dt="2021-07-30T15:28:37.686" v="1795"/>
          <ac:spMkLst>
            <pc:docMk/>
            <pc:sldMk cId="2780907026" sldId="273"/>
            <ac:spMk id="55" creationId="{8CBE8468-92D2-4B46-AAA5-459CF79E6CDE}"/>
          </ac:spMkLst>
        </pc:spChg>
        <pc:spChg chg="add mod">
          <ac:chgData name="Kelsey Peterson" userId="f9abf1b4-a07d-4672-85df-801faa769c9e" providerId="ADAL" clId="{110F25EA-FD8E-4D03-A3EB-C1A9860A6416}" dt="2021-07-30T15:28:37.686" v="1795"/>
          <ac:spMkLst>
            <pc:docMk/>
            <pc:sldMk cId="2780907026" sldId="273"/>
            <ac:spMk id="56" creationId="{FC19249A-5728-403B-8271-31FBA944006F}"/>
          </ac:spMkLst>
        </pc:spChg>
        <pc:spChg chg="add mod">
          <ac:chgData name="Kelsey Peterson" userId="f9abf1b4-a07d-4672-85df-801faa769c9e" providerId="ADAL" clId="{110F25EA-FD8E-4D03-A3EB-C1A9860A6416}" dt="2021-07-30T15:28:37.686" v="1795"/>
          <ac:spMkLst>
            <pc:docMk/>
            <pc:sldMk cId="2780907026" sldId="273"/>
            <ac:spMk id="57" creationId="{A5B56A28-98BB-4C5E-95AC-D850CC7A488D}"/>
          </ac:spMkLst>
        </pc:spChg>
        <pc:spChg chg="add mod">
          <ac:chgData name="Kelsey Peterson" userId="f9abf1b4-a07d-4672-85df-801faa769c9e" providerId="ADAL" clId="{110F25EA-FD8E-4D03-A3EB-C1A9860A6416}" dt="2021-07-30T15:28:37.686" v="1795"/>
          <ac:spMkLst>
            <pc:docMk/>
            <pc:sldMk cId="2780907026" sldId="273"/>
            <ac:spMk id="58" creationId="{67C28177-6249-4295-8C5C-D507BACB4C5B}"/>
          </ac:spMkLst>
        </pc:spChg>
        <pc:spChg chg="add mod">
          <ac:chgData name="Kelsey Peterson" userId="f9abf1b4-a07d-4672-85df-801faa769c9e" providerId="ADAL" clId="{110F25EA-FD8E-4D03-A3EB-C1A9860A6416}" dt="2021-07-30T15:28:37.686" v="1795"/>
          <ac:spMkLst>
            <pc:docMk/>
            <pc:sldMk cId="2780907026" sldId="273"/>
            <ac:spMk id="59" creationId="{D3E01CB2-2A06-48C9-94EB-596E11DB0DC0}"/>
          </ac:spMkLst>
        </pc:spChg>
        <pc:spChg chg="add mod">
          <ac:chgData name="Kelsey Peterson" userId="f9abf1b4-a07d-4672-85df-801faa769c9e" providerId="ADAL" clId="{110F25EA-FD8E-4D03-A3EB-C1A9860A6416}" dt="2021-07-30T15:28:37.686" v="1795"/>
          <ac:spMkLst>
            <pc:docMk/>
            <pc:sldMk cId="2780907026" sldId="273"/>
            <ac:spMk id="61" creationId="{C2BE8751-7E43-446E-9485-0F84BF202A82}"/>
          </ac:spMkLst>
        </pc:spChg>
        <pc:spChg chg="add mod">
          <ac:chgData name="Kelsey Peterson" userId="f9abf1b4-a07d-4672-85df-801faa769c9e" providerId="ADAL" clId="{110F25EA-FD8E-4D03-A3EB-C1A9860A6416}" dt="2021-07-30T15:28:37.686" v="1795"/>
          <ac:spMkLst>
            <pc:docMk/>
            <pc:sldMk cId="2780907026" sldId="273"/>
            <ac:spMk id="62" creationId="{61B3C791-7FC4-4DDE-BA89-3CA2A950487A}"/>
          </ac:spMkLst>
        </pc:spChg>
        <pc:spChg chg="add mod">
          <ac:chgData name="Kelsey Peterson" userId="f9abf1b4-a07d-4672-85df-801faa769c9e" providerId="ADAL" clId="{110F25EA-FD8E-4D03-A3EB-C1A9860A6416}" dt="2021-07-30T15:28:37.686" v="1795"/>
          <ac:spMkLst>
            <pc:docMk/>
            <pc:sldMk cId="2780907026" sldId="273"/>
            <ac:spMk id="63" creationId="{9F4C735D-90F6-44EE-81B7-44E557147E02}"/>
          </ac:spMkLst>
        </pc:spChg>
        <pc:spChg chg="add mod">
          <ac:chgData name="Kelsey Peterson" userId="f9abf1b4-a07d-4672-85df-801faa769c9e" providerId="ADAL" clId="{110F25EA-FD8E-4D03-A3EB-C1A9860A6416}" dt="2021-07-30T15:28:37.686" v="1795"/>
          <ac:spMkLst>
            <pc:docMk/>
            <pc:sldMk cId="2780907026" sldId="273"/>
            <ac:spMk id="64" creationId="{AF66744D-EDD8-43C1-8FB5-B205A9FE5778}"/>
          </ac:spMkLst>
        </pc:spChg>
        <pc:spChg chg="add mod">
          <ac:chgData name="Kelsey Peterson" userId="f9abf1b4-a07d-4672-85df-801faa769c9e" providerId="ADAL" clId="{110F25EA-FD8E-4D03-A3EB-C1A9860A6416}" dt="2021-07-30T15:28:37.686" v="1795"/>
          <ac:spMkLst>
            <pc:docMk/>
            <pc:sldMk cId="2780907026" sldId="273"/>
            <ac:spMk id="65" creationId="{DF57633C-B90D-4C18-BAF1-31708E7D4D09}"/>
          </ac:spMkLst>
        </pc:spChg>
        <pc:spChg chg="add mod">
          <ac:chgData name="Kelsey Peterson" userId="f9abf1b4-a07d-4672-85df-801faa769c9e" providerId="ADAL" clId="{110F25EA-FD8E-4D03-A3EB-C1A9860A6416}" dt="2021-07-30T15:28:37.686" v="1795"/>
          <ac:spMkLst>
            <pc:docMk/>
            <pc:sldMk cId="2780907026" sldId="273"/>
            <ac:spMk id="66" creationId="{C01C0B83-D5DC-4651-8EEE-283EDCA54BF6}"/>
          </ac:spMkLst>
        </pc:spChg>
        <pc:spChg chg="add mod">
          <ac:chgData name="Kelsey Peterson" userId="f9abf1b4-a07d-4672-85df-801faa769c9e" providerId="ADAL" clId="{110F25EA-FD8E-4D03-A3EB-C1A9860A6416}" dt="2021-07-30T15:31:47.988" v="1820" actId="1076"/>
          <ac:spMkLst>
            <pc:docMk/>
            <pc:sldMk cId="2780907026" sldId="273"/>
            <ac:spMk id="67" creationId="{4F778136-5591-419D-B98F-95542C2118E0}"/>
          </ac:spMkLst>
        </pc:spChg>
        <pc:spChg chg="add mod">
          <ac:chgData name="Kelsey Peterson" userId="f9abf1b4-a07d-4672-85df-801faa769c9e" providerId="ADAL" clId="{110F25EA-FD8E-4D03-A3EB-C1A9860A6416}" dt="2021-07-30T15:28:37.686" v="1795"/>
          <ac:spMkLst>
            <pc:docMk/>
            <pc:sldMk cId="2780907026" sldId="273"/>
            <ac:spMk id="68" creationId="{273FB59B-D386-45EC-8A6D-F31AE2645EB2}"/>
          </ac:spMkLst>
        </pc:spChg>
        <pc:spChg chg="add mod">
          <ac:chgData name="Kelsey Peterson" userId="f9abf1b4-a07d-4672-85df-801faa769c9e" providerId="ADAL" clId="{110F25EA-FD8E-4D03-A3EB-C1A9860A6416}" dt="2021-07-30T15:28:37.686" v="1795"/>
          <ac:spMkLst>
            <pc:docMk/>
            <pc:sldMk cId="2780907026" sldId="273"/>
            <ac:spMk id="69" creationId="{EB66BC47-6CBE-4C52-9630-CD375FACBDF8}"/>
          </ac:spMkLst>
        </pc:spChg>
        <pc:spChg chg="add mod">
          <ac:chgData name="Kelsey Peterson" userId="f9abf1b4-a07d-4672-85df-801faa769c9e" providerId="ADAL" clId="{110F25EA-FD8E-4D03-A3EB-C1A9860A6416}" dt="2021-07-30T15:28:37.686" v="1795"/>
          <ac:spMkLst>
            <pc:docMk/>
            <pc:sldMk cId="2780907026" sldId="273"/>
            <ac:spMk id="71" creationId="{7E8E80FD-71B0-43D6-BAC3-A04DD64B739F}"/>
          </ac:spMkLst>
        </pc:spChg>
        <pc:spChg chg="add mod">
          <ac:chgData name="Kelsey Peterson" userId="f9abf1b4-a07d-4672-85df-801faa769c9e" providerId="ADAL" clId="{110F25EA-FD8E-4D03-A3EB-C1A9860A6416}" dt="2021-07-30T15:28:37.686" v="1795"/>
          <ac:spMkLst>
            <pc:docMk/>
            <pc:sldMk cId="2780907026" sldId="273"/>
            <ac:spMk id="72" creationId="{483A6877-2062-4009-B448-A0D2D281495F}"/>
          </ac:spMkLst>
        </pc:spChg>
        <pc:spChg chg="add mod">
          <ac:chgData name="Kelsey Peterson" userId="f9abf1b4-a07d-4672-85df-801faa769c9e" providerId="ADAL" clId="{110F25EA-FD8E-4D03-A3EB-C1A9860A6416}" dt="2021-07-30T15:28:37.686" v="1795"/>
          <ac:spMkLst>
            <pc:docMk/>
            <pc:sldMk cId="2780907026" sldId="273"/>
            <ac:spMk id="73" creationId="{39F476FF-516F-4C3C-99F2-4F16E48F8726}"/>
          </ac:spMkLst>
        </pc:spChg>
        <pc:spChg chg="add mod">
          <ac:chgData name="Kelsey Peterson" userId="f9abf1b4-a07d-4672-85df-801faa769c9e" providerId="ADAL" clId="{110F25EA-FD8E-4D03-A3EB-C1A9860A6416}" dt="2021-07-30T15:28:37.686" v="1795"/>
          <ac:spMkLst>
            <pc:docMk/>
            <pc:sldMk cId="2780907026" sldId="273"/>
            <ac:spMk id="74" creationId="{FF0FF6AF-A5ED-4AB2-9FED-74E8580C666F}"/>
          </ac:spMkLst>
        </pc:spChg>
        <pc:spChg chg="add mod">
          <ac:chgData name="Kelsey Peterson" userId="f9abf1b4-a07d-4672-85df-801faa769c9e" providerId="ADAL" clId="{110F25EA-FD8E-4D03-A3EB-C1A9860A6416}" dt="2021-07-30T15:28:37.686" v="1795"/>
          <ac:spMkLst>
            <pc:docMk/>
            <pc:sldMk cId="2780907026" sldId="273"/>
            <ac:spMk id="75" creationId="{C1670711-9163-4FE9-9D7A-A0047532CAD4}"/>
          </ac:spMkLst>
        </pc:spChg>
        <pc:spChg chg="add mod">
          <ac:chgData name="Kelsey Peterson" userId="f9abf1b4-a07d-4672-85df-801faa769c9e" providerId="ADAL" clId="{110F25EA-FD8E-4D03-A3EB-C1A9860A6416}" dt="2021-07-30T15:28:37.686" v="1795"/>
          <ac:spMkLst>
            <pc:docMk/>
            <pc:sldMk cId="2780907026" sldId="273"/>
            <ac:spMk id="76" creationId="{2BC90D56-9E29-487E-8A97-CC0C44CACBC4}"/>
          </ac:spMkLst>
        </pc:spChg>
        <pc:spChg chg="add mod">
          <ac:chgData name="Kelsey Peterson" userId="f9abf1b4-a07d-4672-85df-801faa769c9e" providerId="ADAL" clId="{110F25EA-FD8E-4D03-A3EB-C1A9860A6416}" dt="2021-07-30T15:28:37.686" v="1795"/>
          <ac:spMkLst>
            <pc:docMk/>
            <pc:sldMk cId="2780907026" sldId="273"/>
            <ac:spMk id="77" creationId="{A2D61898-B8A4-42B9-9487-47E8123558FC}"/>
          </ac:spMkLst>
        </pc:spChg>
        <pc:spChg chg="add mod">
          <ac:chgData name="Kelsey Peterson" userId="f9abf1b4-a07d-4672-85df-801faa769c9e" providerId="ADAL" clId="{110F25EA-FD8E-4D03-A3EB-C1A9860A6416}" dt="2021-07-30T15:28:37.686" v="1795"/>
          <ac:spMkLst>
            <pc:docMk/>
            <pc:sldMk cId="2780907026" sldId="273"/>
            <ac:spMk id="78" creationId="{3A2A24E7-CD8C-41D3-B460-89766FF1006C}"/>
          </ac:spMkLst>
        </pc:spChg>
        <pc:spChg chg="add mod">
          <ac:chgData name="Kelsey Peterson" userId="f9abf1b4-a07d-4672-85df-801faa769c9e" providerId="ADAL" clId="{110F25EA-FD8E-4D03-A3EB-C1A9860A6416}" dt="2021-07-30T15:28:37.686" v="1795"/>
          <ac:spMkLst>
            <pc:docMk/>
            <pc:sldMk cId="2780907026" sldId="273"/>
            <ac:spMk id="79" creationId="{962BD99C-E153-436A-A9E0-B78831A5B722}"/>
          </ac:spMkLst>
        </pc:spChg>
        <pc:spChg chg="add mod">
          <ac:chgData name="Kelsey Peterson" userId="f9abf1b4-a07d-4672-85df-801faa769c9e" providerId="ADAL" clId="{110F25EA-FD8E-4D03-A3EB-C1A9860A6416}" dt="2021-07-30T15:28:37.686" v="1795"/>
          <ac:spMkLst>
            <pc:docMk/>
            <pc:sldMk cId="2780907026" sldId="273"/>
            <ac:spMk id="80" creationId="{C122DFC6-06C8-4F4B-BEC5-EE495C59506F}"/>
          </ac:spMkLst>
        </pc:spChg>
        <pc:spChg chg="add mod">
          <ac:chgData name="Kelsey Peterson" userId="f9abf1b4-a07d-4672-85df-801faa769c9e" providerId="ADAL" clId="{110F25EA-FD8E-4D03-A3EB-C1A9860A6416}" dt="2021-07-30T15:28:37.686" v="1795"/>
          <ac:spMkLst>
            <pc:docMk/>
            <pc:sldMk cId="2780907026" sldId="273"/>
            <ac:spMk id="81" creationId="{D62D0642-8B3C-48C4-A4F4-853895E2B2A0}"/>
          </ac:spMkLst>
        </pc:spChg>
        <pc:spChg chg="add mod">
          <ac:chgData name="Kelsey Peterson" userId="f9abf1b4-a07d-4672-85df-801faa769c9e" providerId="ADAL" clId="{110F25EA-FD8E-4D03-A3EB-C1A9860A6416}" dt="2021-07-30T15:28:37.686" v="1795"/>
          <ac:spMkLst>
            <pc:docMk/>
            <pc:sldMk cId="2780907026" sldId="273"/>
            <ac:spMk id="82" creationId="{047EBA42-44F2-496C-A6FE-EB7407FEEFF2}"/>
          </ac:spMkLst>
        </pc:spChg>
        <pc:spChg chg="add del mod">
          <ac:chgData name="Kelsey Peterson" userId="f9abf1b4-a07d-4672-85df-801faa769c9e" providerId="ADAL" clId="{110F25EA-FD8E-4D03-A3EB-C1A9860A6416}" dt="2021-07-30T19:12:05.963" v="3007" actId="478"/>
          <ac:spMkLst>
            <pc:docMk/>
            <pc:sldMk cId="2780907026" sldId="273"/>
            <ac:spMk id="87" creationId="{B77A8396-5A72-4569-95E2-F072801CBA32}"/>
          </ac:spMkLst>
        </pc:spChg>
        <pc:cxnChg chg="add mod">
          <ac:chgData name="Kelsey Peterson" userId="f9abf1b4-a07d-4672-85df-801faa769c9e" providerId="ADAL" clId="{110F25EA-FD8E-4D03-A3EB-C1A9860A6416}" dt="2021-07-30T15:28:37.686" v="1795"/>
          <ac:cxnSpMkLst>
            <pc:docMk/>
            <pc:sldMk cId="2780907026" sldId="273"/>
            <ac:cxnSpMk id="8" creationId="{9FC298DA-B758-4A99-84B5-C949FB419BD0}"/>
          </ac:cxnSpMkLst>
        </pc:cxnChg>
        <pc:cxnChg chg="add mod">
          <ac:chgData name="Kelsey Peterson" userId="f9abf1b4-a07d-4672-85df-801faa769c9e" providerId="ADAL" clId="{110F25EA-FD8E-4D03-A3EB-C1A9860A6416}" dt="2021-07-30T15:28:37.686" v="1795"/>
          <ac:cxnSpMkLst>
            <pc:docMk/>
            <pc:sldMk cId="2780907026" sldId="273"/>
            <ac:cxnSpMk id="13" creationId="{E5C52519-064E-4280-AC47-D90698B09F11}"/>
          </ac:cxnSpMkLst>
        </pc:cxnChg>
        <pc:cxnChg chg="add mod">
          <ac:chgData name="Kelsey Peterson" userId="f9abf1b4-a07d-4672-85df-801faa769c9e" providerId="ADAL" clId="{110F25EA-FD8E-4D03-A3EB-C1A9860A6416}" dt="2021-07-30T15:28:37.686" v="1795"/>
          <ac:cxnSpMkLst>
            <pc:docMk/>
            <pc:sldMk cId="2780907026" sldId="273"/>
            <ac:cxnSpMk id="15" creationId="{6AD41F3B-B474-4B18-9DBE-7F65137053CD}"/>
          </ac:cxnSpMkLst>
        </pc:cxnChg>
        <pc:cxnChg chg="add mod">
          <ac:chgData name="Kelsey Peterson" userId="f9abf1b4-a07d-4672-85df-801faa769c9e" providerId="ADAL" clId="{110F25EA-FD8E-4D03-A3EB-C1A9860A6416}" dt="2021-07-30T15:28:37.686" v="1795"/>
          <ac:cxnSpMkLst>
            <pc:docMk/>
            <pc:sldMk cId="2780907026" sldId="273"/>
            <ac:cxnSpMk id="17" creationId="{84351CE1-E8D8-49F0-9C36-A5738417AFF3}"/>
          </ac:cxnSpMkLst>
        </pc:cxnChg>
        <pc:cxnChg chg="add mod">
          <ac:chgData name="Kelsey Peterson" userId="f9abf1b4-a07d-4672-85df-801faa769c9e" providerId="ADAL" clId="{110F25EA-FD8E-4D03-A3EB-C1A9860A6416}" dt="2021-07-30T15:28:37.686" v="1795"/>
          <ac:cxnSpMkLst>
            <pc:docMk/>
            <pc:sldMk cId="2780907026" sldId="273"/>
            <ac:cxnSpMk id="19" creationId="{6FA7040A-05FC-4B98-BAE7-E270C76A45DB}"/>
          </ac:cxnSpMkLst>
        </pc:cxnChg>
        <pc:cxnChg chg="add mod">
          <ac:chgData name="Kelsey Peterson" userId="f9abf1b4-a07d-4672-85df-801faa769c9e" providerId="ADAL" clId="{110F25EA-FD8E-4D03-A3EB-C1A9860A6416}" dt="2021-07-30T15:28:37.686" v="1795"/>
          <ac:cxnSpMkLst>
            <pc:docMk/>
            <pc:sldMk cId="2780907026" sldId="273"/>
            <ac:cxnSpMk id="21" creationId="{BF55CF53-AC30-4857-AE4A-EE96A2281B50}"/>
          </ac:cxnSpMkLst>
        </pc:cxnChg>
        <pc:cxnChg chg="add mod">
          <ac:chgData name="Kelsey Peterson" userId="f9abf1b4-a07d-4672-85df-801faa769c9e" providerId="ADAL" clId="{110F25EA-FD8E-4D03-A3EB-C1A9860A6416}" dt="2021-07-30T15:28:37.686" v="1795"/>
          <ac:cxnSpMkLst>
            <pc:docMk/>
            <pc:sldMk cId="2780907026" sldId="273"/>
            <ac:cxnSpMk id="23" creationId="{F83C0A30-4EC6-4D5E-90B6-7CD98D0A9644}"/>
          </ac:cxnSpMkLst>
        </pc:cxnChg>
        <pc:cxnChg chg="add mod">
          <ac:chgData name="Kelsey Peterson" userId="f9abf1b4-a07d-4672-85df-801faa769c9e" providerId="ADAL" clId="{110F25EA-FD8E-4D03-A3EB-C1A9860A6416}" dt="2021-07-30T15:28:37.686" v="1795"/>
          <ac:cxnSpMkLst>
            <pc:docMk/>
            <pc:sldMk cId="2780907026" sldId="273"/>
            <ac:cxnSpMk id="25" creationId="{40DEC4DC-5BB2-4EEC-90C9-6A14CF73FEFB}"/>
          </ac:cxnSpMkLst>
        </pc:cxnChg>
        <pc:cxnChg chg="add mod">
          <ac:chgData name="Kelsey Peterson" userId="f9abf1b4-a07d-4672-85df-801faa769c9e" providerId="ADAL" clId="{110F25EA-FD8E-4D03-A3EB-C1A9860A6416}" dt="2021-07-30T15:28:37.686" v="1795"/>
          <ac:cxnSpMkLst>
            <pc:docMk/>
            <pc:sldMk cId="2780907026" sldId="273"/>
            <ac:cxnSpMk id="27" creationId="{AAA295C2-5895-421B-9D42-2B2D89CBE5C6}"/>
          </ac:cxnSpMkLst>
        </pc:cxnChg>
        <pc:cxnChg chg="add mod">
          <ac:chgData name="Kelsey Peterson" userId="f9abf1b4-a07d-4672-85df-801faa769c9e" providerId="ADAL" clId="{110F25EA-FD8E-4D03-A3EB-C1A9860A6416}" dt="2021-07-30T15:28:37.686" v="1795"/>
          <ac:cxnSpMkLst>
            <pc:docMk/>
            <pc:sldMk cId="2780907026" sldId="273"/>
            <ac:cxnSpMk id="29" creationId="{B336BC1E-011A-4B57-BFE8-368BFCEC9188}"/>
          </ac:cxnSpMkLst>
        </pc:cxnChg>
        <pc:cxnChg chg="add mod">
          <ac:chgData name="Kelsey Peterson" userId="f9abf1b4-a07d-4672-85df-801faa769c9e" providerId="ADAL" clId="{110F25EA-FD8E-4D03-A3EB-C1A9860A6416}" dt="2021-07-30T15:28:37.686" v="1795"/>
          <ac:cxnSpMkLst>
            <pc:docMk/>
            <pc:sldMk cId="2780907026" sldId="273"/>
            <ac:cxnSpMk id="31" creationId="{3D4AAA4A-4225-4139-8907-314546C6EC0D}"/>
          </ac:cxnSpMkLst>
        </pc:cxnChg>
        <pc:cxnChg chg="add mod">
          <ac:chgData name="Kelsey Peterson" userId="f9abf1b4-a07d-4672-85df-801faa769c9e" providerId="ADAL" clId="{110F25EA-FD8E-4D03-A3EB-C1A9860A6416}" dt="2021-07-30T15:28:37.686" v="1795"/>
          <ac:cxnSpMkLst>
            <pc:docMk/>
            <pc:sldMk cId="2780907026" sldId="273"/>
            <ac:cxnSpMk id="33" creationId="{83481B24-8AEA-49CF-A863-8BC03D944D8F}"/>
          </ac:cxnSpMkLst>
        </pc:cxnChg>
        <pc:cxnChg chg="add mod">
          <ac:chgData name="Kelsey Peterson" userId="f9abf1b4-a07d-4672-85df-801faa769c9e" providerId="ADAL" clId="{110F25EA-FD8E-4D03-A3EB-C1A9860A6416}" dt="2021-07-30T15:29:30.066" v="1809" actId="14100"/>
          <ac:cxnSpMkLst>
            <pc:docMk/>
            <pc:sldMk cId="2780907026" sldId="273"/>
            <ac:cxnSpMk id="53" creationId="{64DC2982-4CFD-46BA-80C6-AD1F5FE7AAC9}"/>
          </ac:cxnSpMkLst>
        </pc:cxnChg>
        <pc:cxnChg chg="add mod">
          <ac:chgData name="Kelsey Peterson" userId="f9abf1b4-a07d-4672-85df-801faa769c9e" providerId="ADAL" clId="{110F25EA-FD8E-4D03-A3EB-C1A9860A6416}" dt="2021-07-30T15:28:37.686" v="1795"/>
          <ac:cxnSpMkLst>
            <pc:docMk/>
            <pc:sldMk cId="2780907026" sldId="273"/>
            <ac:cxnSpMk id="60" creationId="{1051E854-3827-46D8-922C-3B1D644E3759}"/>
          </ac:cxnSpMkLst>
        </pc:cxnChg>
        <pc:cxnChg chg="add mod">
          <ac:chgData name="Kelsey Peterson" userId="f9abf1b4-a07d-4672-85df-801faa769c9e" providerId="ADAL" clId="{110F25EA-FD8E-4D03-A3EB-C1A9860A6416}" dt="2021-07-30T15:28:37.686" v="1795"/>
          <ac:cxnSpMkLst>
            <pc:docMk/>
            <pc:sldMk cId="2780907026" sldId="273"/>
            <ac:cxnSpMk id="70" creationId="{F8EA8A65-1D6E-422C-9200-78E562BFFBCE}"/>
          </ac:cxnSpMkLst>
        </pc:cxnChg>
        <pc:cxnChg chg="add mod">
          <ac:chgData name="Kelsey Peterson" userId="f9abf1b4-a07d-4672-85df-801faa769c9e" providerId="ADAL" clId="{110F25EA-FD8E-4D03-A3EB-C1A9860A6416}" dt="2021-07-30T15:31:59.966" v="1821" actId="14100"/>
          <ac:cxnSpMkLst>
            <pc:docMk/>
            <pc:sldMk cId="2780907026" sldId="273"/>
            <ac:cxnSpMk id="83" creationId="{327B6362-C9CF-4616-9BC2-A69AD4AA7127}"/>
          </ac:cxnSpMkLst>
        </pc:cxnChg>
      </pc:sldChg>
      <pc:sldChg chg="addSp delSp modSp add mod ord">
        <pc:chgData name="Kelsey Peterson" userId="f9abf1b4-a07d-4672-85df-801faa769c9e" providerId="ADAL" clId="{110F25EA-FD8E-4D03-A3EB-C1A9860A6416}" dt="2021-08-16T20:49:04.085" v="5061" actId="478"/>
        <pc:sldMkLst>
          <pc:docMk/>
          <pc:sldMk cId="495892712" sldId="274"/>
        </pc:sldMkLst>
        <pc:spChg chg="mod">
          <ac:chgData name="Kelsey Peterson" userId="f9abf1b4-a07d-4672-85df-801faa769c9e" providerId="ADAL" clId="{110F25EA-FD8E-4D03-A3EB-C1A9860A6416}" dt="2021-07-30T18:54:39.331" v="2908" actId="255"/>
          <ac:spMkLst>
            <pc:docMk/>
            <pc:sldMk cId="495892712" sldId="274"/>
            <ac:spMk id="2" creationId="{00000000-0000-0000-0000-000000000000}"/>
          </ac:spMkLst>
        </pc:spChg>
        <pc:spChg chg="mod">
          <ac:chgData name="Kelsey Peterson" userId="f9abf1b4-a07d-4672-85df-801faa769c9e" providerId="ADAL" clId="{110F25EA-FD8E-4D03-A3EB-C1A9860A6416}" dt="2021-08-06T12:13:56.881" v="3998" actId="14100"/>
          <ac:spMkLst>
            <pc:docMk/>
            <pc:sldMk cId="495892712" sldId="274"/>
            <ac:spMk id="3" creationId="{00000000-0000-0000-0000-000000000000}"/>
          </ac:spMkLst>
        </pc:spChg>
        <pc:spChg chg="del">
          <ac:chgData name="Kelsey Peterson" userId="f9abf1b4-a07d-4672-85df-801faa769c9e" providerId="ADAL" clId="{110F25EA-FD8E-4D03-A3EB-C1A9860A6416}" dt="2021-08-16T20:49:04.085" v="5061" actId="478"/>
          <ac:spMkLst>
            <pc:docMk/>
            <pc:sldMk cId="495892712" sldId="274"/>
            <ac:spMk id="5" creationId="{E864B336-FAF9-44BE-B219-4A3759D0C7EA}"/>
          </ac:spMkLst>
        </pc:spChg>
        <pc:spChg chg="del">
          <ac:chgData name="Kelsey Peterson" userId="f9abf1b4-a07d-4672-85df-801faa769c9e" providerId="ADAL" clId="{110F25EA-FD8E-4D03-A3EB-C1A9860A6416}" dt="2021-08-16T20:49:03.417" v="5060" actId="478"/>
          <ac:spMkLst>
            <pc:docMk/>
            <pc:sldMk cId="495892712" sldId="274"/>
            <ac:spMk id="6" creationId="{0753A9BE-6267-40ED-9B47-87DA538B3458}"/>
          </ac:spMkLst>
        </pc:spChg>
        <pc:picChg chg="add del mod">
          <ac:chgData name="Kelsey Peterson" userId="f9abf1b4-a07d-4672-85df-801faa769c9e" providerId="ADAL" clId="{110F25EA-FD8E-4D03-A3EB-C1A9860A6416}" dt="2021-08-06T12:17:46.695" v="4630" actId="21"/>
          <ac:picMkLst>
            <pc:docMk/>
            <pc:sldMk cId="495892712" sldId="274"/>
            <ac:picMk id="7" creationId="{87E2D97C-0E3F-4F8B-893D-00CD37A6D8A5}"/>
          </ac:picMkLst>
        </pc:picChg>
        <pc:picChg chg="add mod">
          <ac:chgData name="Kelsey Peterson" userId="f9abf1b4-a07d-4672-85df-801faa769c9e" providerId="ADAL" clId="{110F25EA-FD8E-4D03-A3EB-C1A9860A6416}" dt="2021-08-06T12:19:46.979" v="4771" actId="962"/>
          <ac:picMkLst>
            <pc:docMk/>
            <pc:sldMk cId="495892712" sldId="274"/>
            <ac:picMk id="8" creationId="{844FE44F-69ED-4CE4-B605-FADF879C4105}"/>
          </ac:picMkLst>
        </pc:picChg>
      </pc:sldChg>
      <pc:sldChg chg="delSp add del">
        <pc:chgData name="Kelsey Peterson" userId="f9abf1b4-a07d-4672-85df-801faa769c9e" providerId="ADAL" clId="{110F25EA-FD8E-4D03-A3EB-C1A9860A6416}" dt="2021-07-30T15:33:20.277" v="1827" actId="2696"/>
        <pc:sldMkLst>
          <pc:docMk/>
          <pc:sldMk cId="1871154911" sldId="274"/>
        </pc:sldMkLst>
        <pc:spChg chg="del">
          <ac:chgData name="Kelsey Peterson" userId="f9abf1b4-a07d-4672-85df-801faa769c9e" providerId="ADAL" clId="{110F25EA-FD8E-4D03-A3EB-C1A9860A6416}" dt="2021-07-30T15:32:41.493" v="1826" actId="478"/>
          <ac:spMkLst>
            <pc:docMk/>
            <pc:sldMk cId="1871154911" sldId="274"/>
            <ac:spMk id="9" creationId="{E555EE93-44D1-4F28-95A0-CA831B3F79CB}"/>
          </ac:spMkLst>
        </pc:spChg>
        <pc:spChg chg="del">
          <ac:chgData name="Kelsey Peterson" userId="f9abf1b4-a07d-4672-85df-801faa769c9e" providerId="ADAL" clId="{110F25EA-FD8E-4D03-A3EB-C1A9860A6416}" dt="2021-07-30T15:32:41.493" v="1826" actId="478"/>
          <ac:spMkLst>
            <pc:docMk/>
            <pc:sldMk cId="1871154911" sldId="274"/>
            <ac:spMk id="10" creationId="{A255EC99-5D89-4022-BAA8-71F56B42340A}"/>
          </ac:spMkLst>
        </pc:spChg>
        <pc:spChg chg="del">
          <ac:chgData name="Kelsey Peterson" userId="f9abf1b4-a07d-4672-85df-801faa769c9e" providerId="ADAL" clId="{110F25EA-FD8E-4D03-A3EB-C1A9860A6416}" dt="2021-07-30T15:32:41.493" v="1826" actId="478"/>
          <ac:spMkLst>
            <pc:docMk/>
            <pc:sldMk cId="1871154911" sldId="274"/>
            <ac:spMk id="11" creationId="{4518A58F-9CD5-4FB2-B6D0-088F30D8D824}"/>
          </ac:spMkLst>
        </pc:spChg>
        <pc:spChg chg="del">
          <ac:chgData name="Kelsey Peterson" userId="f9abf1b4-a07d-4672-85df-801faa769c9e" providerId="ADAL" clId="{110F25EA-FD8E-4D03-A3EB-C1A9860A6416}" dt="2021-07-30T15:32:41.493" v="1826" actId="478"/>
          <ac:spMkLst>
            <pc:docMk/>
            <pc:sldMk cId="1871154911" sldId="274"/>
            <ac:spMk id="12" creationId="{E00E017A-7DC2-4632-9982-664A3EFAA7FE}"/>
          </ac:spMkLst>
        </pc:spChg>
        <pc:spChg chg="del">
          <ac:chgData name="Kelsey Peterson" userId="f9abf1b4-a07d-4672-85df-801faa769c9e" providerId="ADAL" clId="{110F25EA-FD8E-4D03-A3EB-C1A9860A6416}" dt="2021-07-30T15:32:41.493" v="1826" actId="478"/>
          <ac:spMkLst>
            <pc:docMk/>
            <pc:sldMk cId="1871154911" sldId="274"/>
            <ac:spMk id="14" creationId="{874EEAAF-5DD3-4AAC-A788-F8A1295CB99F}"/>
          </ac:spMkLst>
        </pc:spChg>
        <pc:spChg chg="del">
          <ac:chgData name="Kelsey Peterson" userId="f9abf1b4-a07d-4672-85df-801faa769c9e" providerId="ADAL" clId="{110F25EA-FD8E-4D03-A3EB-C1A9860A6416}" dt="2021-07-30T15:32:41.493" v="1826" actId="478"/>
          <ac:spMkLst>
            <pc:docMk/>
            <pc:sldMk cId="1871154911" sldId="274"/>
            <ac:spMk id="16" creationId="{168A5166-6476-422A-89AE-11DC51C722AE}"/>
          </ac:spMkLst>
        </pc:spChg>
        <pc:spChg chg="del">
          <ac:chgData name="Kelsey Peterson" userId="f9abf1b4-a07d-4672-85df-801faa769c9e" providerId="ADAL" clId="{110F25EA-FD8E-4D03-A3EB-C1A9860A6416}" dt="2021-07-30T15:32:41.493" v="1826" actId="478"/>
          <ac:spMkLst>
            <pc:docMk/>
            <pc:sldMk cId="1871154911" sldId="274"/>
            <ac:spMk id="18" creationId="{9B525360-26F6-42D8-A582-5D1467AE4C06}"/>
          </ac:spMkLst>
        </pc:spChg>
        <pc:spChg chg="del">
          <ac:chgData name="Kelsey Peterson" userId="f9abf1b4-a07d-4672-85df-801faa769c9e" providerId="ADAL" clId="{110F25EA-FD8E-4D03-A3EB-C1A9860A6416}" dt="2021-07-30T15:32:41.493" v="1826" actId="478"/>
          <ac:spMkLst>
            <pc:docMk/>
            <pc:sldMk cId="1871154911" sldId="274"/>
            <ac:spMk id="20" creationId="{28668C1B-5A88-4889-BBDD-865A7C83BD23}"/>
          </ac:spMkLst>
        </pc:spChg>
        <pc:spChg chg="del">
          <ac:chgData name="Kelsey Peterson" userId="f9abf1b4-a07d-4672-85df-801faa769c9e" providerId="ADAL" clId="{110F25EA-FD8E-4D03-A3EB-C1A9860A6416}" dt="2021-07-30T15:32:41.493" v="1826" actId="478"/>
          <ac:spMkLst>
            <pc:docMk/>
            <pc:sldMk cId="1871154911" sldId="274"/>
            <ac:spMk id="22" creationId="{1AF6DDCA-D778-4F00-ACA5-1F4183A9C5FD}"/>
          </ac:spMkLst>
        </pc:spChg>
        <pc:spChg chg="del">
          <ac:chgData name="Kelsey Peterson" userId="f9abf1b4-a07d-4672-85df-801faa769c9e" providerId="ADAL" clId="{110F25EA-FD8E-4D03-A3EB-C1A9860A6416}" dt="2021-07-30T15:32:41.493" v="1826" actId="478"/>
          <ac:spMkLst>
            <pc:docMk/>
            <pc:sldMk cId="1871154911" sldId="274"/>
            <ac:spMk id="24" creationId="{25CE5C78-F3C9-44FD-B2B0-E993C2476177}"/>
          </ac:spMkLst>
        </pc:spChg>
        <pc:spChg chg="del">
          <ac:chgData name="Kelsey Peterson" userId="f9abf1b4-a07d-4672-85df-801faa769c9e" providerId="ADAL" clId="{110F25EA-FD8E-4D03-A3EB-C1A9860A6416}" dt="2021-07-30T15:32:41.493" v="1826" actId="478"/>
          <ac:spMkLst>
            <pc:docMk/>
            <pc:sldMk cId="1871154911" sldId="274"/>
            <ac:spMk id="26" creationId="{EBA39E6D-5C61-449B-A063-97E7245DA7D7}"/>
          </ac:spMkLst>
        </pc:spChg>
        <pc:spChg chg="del">
          <ac:chgData name="Kelsey Peterson" userId="f9abf1b4-a07d-4672-85df-801faa769c9e" providerId="ADAL" clId="{110F25EA-FD8E-4D03-A3EB-C1A9860A6416}" dt="2021-07-30T15:32:41.493" v="1826" actId="478"/>
          <ac:spMkLst>
            <pc:docMk/>
            <pc:sldMk cId="1871154911" sldId="274"/>
            <ac:spMk id="28" creationId="{E9715EEE-F70B-43F5-B48F-1913E48F7073}"/>
          </ac:spMkLst>
        </pc:spChg>
        <pc:spChg chg="del">
          <ac:chgData name="Kelsey Peterson" userId="f9abf1b4-a07d-4672-85df-801faa769c9e" providerId="ADAL" clId="{110F25EA-FD8E-4D03-A3EB-C1A9860A6416}" dt="2021-07-30T15:32:41.493" v="1826" actId="478"/>
          <ac:spMkLst>
            <pc:docMk/>
            <pc:sldMk cId="1871154911" sldId="274"/>
            <ac:spMk id="30" creationId="{167072AA-FC56-4351-A540-B201F44E6ED4}"/>
          </ac:spMkLst>
        </pc:spChg>
        <pc:spChg chg="del">
          <ac:chgData name="Kelsey Peterson" userId="f9abf1b4-a07d-4672-85df-801faa769c9e" providerId="ADAL" clId="{110F25EA-FD8E-4D03-A3EB-C1A9860A6416}" dt="2021-07-30T15:32:41.493" v="1826" actId="478"/>
          <ac:spMkLst>
            <pc:docMk/>
            <pc:sldMk cId="1871154911" sldId="274"/>
            <ac:spMk id="32" creationId="{D0C62AC2-5025-4A0A-98CC-96211FFBF999}"/>
          </ac:spMkLst>
        </pc:spChg>
        <pc:spChg chg="del">
          <ac:chgData name="Kelsey Peterson" userId="f9abf1b4-a07d-4672-85df-801faa769c9e" providerId="ADAL" clId="{110F25EA-FD8E-4D03-A3EB-C1A9860A6416}" dt="2021-07-30T15:32:41.493" v="1826" actId="478"/>
          <ac:spMkLst>
            <pc:docMk/>
            <pc:sldMk cId="1871154911" sldId="274"/>
            <ac:spMk id="34" creationId="{F42DAEAC-6B71-4EAB-8365-37B42FC01CF4}"/>
          </ac:spMkLst>
        </pc:spChg>
        <pc:spChg chg="del">
          <ac:chgData name="Kelsey Peterson" userId="f9abf1b4-a07d-4672-85df-801faa769c9e" providerId="ADAL" clId="{110F25EA-FD8E-4D03-A3EB-C1A9860A6416}" dt="2021-07-30T15:32:41.493" v="1826" actId="478"/>
          <ac:spMkLst>
            <pc:docMk/>
            <pc:sldMk cId="1871154911" sldId="274"/>
            <ac:spMk id="35" creationId="{2A47B264-4C2A-4002-944C-C08501641F6A}"/>
          </ac:spMkLst>
        </pc:spChg>
        <pc:spChg chg="del">
          <ac:chgData name="Kelsey Peterson" userId="f9abf1b4-a07d-4672-85df-801faa769c9e" providerId="ADAL" clId="{110F25EA-FD8E-4D03-A3EB-C1A9860A6416}" dt="2021-07-30T15:32:41.493" v="1826" actId="478"/>
          <ac:spMkLst>
            <pc:docMk/>
            <pc:sldMk cId="1871154911" sldId="274"/>
            <ac:spMk id="36" creationId="{A683D937-8998-4CF4-980F-886F6D3CC2B9}"/>
          </ac:spMkLst>
        </pc:spChg>
        <pc:spChg chg="del">
          <ac:chgData name="Kelsey Peterson" userId="f9abf1b4-a07d-4672-85df-801faa769c9e" providerId="ADAL" clId="{110F25EA-FD8E-4D03-A3EB-C1A9860A6416}" dt="2021-07-30T15:32:41.493" v="1826" actId="478"/>
          <ac:spMkLst>
            <pc:docMk/>
            <pc:sldMk cId="1871154911" sldId="274"/>
            <ac:spMk id="37" creationId="{BBE0C877-0A5B-4E17-B25F-2FE0A289CCFD}"/>
          </ac:spMkLst>
        </pc:spChg>
        <pc:spChg chg="del">
          <ac:chgData name="Kelsey Peterson" userId="f9abf1b4-a07d-4672-85df-801faa769c9e" providerId="ADAL" clId="{110F25EA-FD8E-4D03-A3EB-C1A9860A6416}" dt="2021-07-30T15:32:41.493" v="1826" actId="478"/>
          <ac:spMkLst>
            <pc:docMk/>
            <pc:sldMk cId="1871154911" sldId="274"/>
            <ac:spMk id="38" creationId="{2FB25A13-24BF-4E1C-99A3-CB51C5FDC766}"/>
          </ac:spMkLst>
        </pc:spChg>
        <pc:spChg chg="del">
          <ac:chgData name="Kelsey Peterson" userId="f9abf1b4-a07d-4672-85df-801faa769c9e" providerId="ADAL" clId="{110F25EA-FD8E-4D03-A3EB-C1A9860A6416}" dt="2021-07-30T15:32:41.493" v="1826" actId="478"/>
          <ac:spMkLst>
            <pc:docMk/>
            <pc:sldMk cId="1871154911" sldId="274"/>
            <ac:spMk id="39" creationId="{659B6B1E-7DC2-4912-941B-9AFE9B4DCC4E}"/>
          </ac:spMkLst>
        </pc:spChg>
        <pc:spChg chg="del">
          <ac:chgData name="Kelsey Peterson" userId="f9abf1b4-a07d-4672-85df-801faa769c9e" providerId="ADAL" clId="{110F25EA-FD8E-4D03-A3EB-C1A9860A6416}" dt="2021-07-30T15:32:41.493" v="1826" actId="478"/>
          <ac:spMkLst>
            <pc:docMk/>
            <pc:sldMk cId="1871154911" sldId="274"/>
            <ac:spMk id="40" creationId="{6758593F-246A-4EFD-BD83-FC98C24A3073}"/>
          </ac:spMkLst>
        </pc:spChg>
        <pc:spChg chg="del">
          <ac:chgData name="Kelsey Peterson" userId="f9abf1b4-a07d-4672-85df-801faa769c9e" providerId="ADAL" clId="{110F25EA-FD8E-4D03-A3EB-C1A9860A6416}" dt="2021-07-30T15:32:41.493" v="1826" actId="478"/>
          <ac:spMkLst>
            <pc:docMk/>
            <pc:sldMk cId="1871154911" sldId="274"/>
            <ac:spMk id="41" creationId="{DC881AFB-4C9A-4834-A02E-531DA49A5DAA}"/>
          </ac:spMkLst>
        </pc:spChg>
        <pc:spChg chg="del">
          <ac:chgData name="Kelsey Peterson" userId="f9abf1b4-a07d-4672-85df-801faa769c9e" providerId="ADAL" clId="{110F25EA-FD8E-4D03-A3EB-C1A9860A6416}" dt="2021-07-30T15:32:41.493" v="1826" actId="478"/>
          <ac:spMkLst>
            <pc:docMk/>
            <pc:sldMk cId="1871154911" sldId="274"/>
            <ac:spMk id="42" creationId="{DB7E3859-ED93-44A9-9A97-A5B2489EB4E8}"/>
          </ac:spMkLst>
        </pc:spChg>
        <pc:spChg chg="del">
          <ac:chgData name="Kelsey Peterson" userId="f9abf1b4-a07d-4672-85df-801faa769c9e" providerId="ADAL" clId="{110F25EA-FD8E-4D03-A3EB-C1A9860A6416}" dt="2021-07-30T15:32:41.493" v="1826" actId="478"/>
          <ac:spMkLst>
            <pc:docMk/>
            <pc:sldMk cId="1871154911" sldId="274"/>
            <ac:spMk id="43" creationId="{06D3D5D4-5535-44E0-BEAB-E0EF3CF338B3}"/>
          </ac:spMkLst>
        </pc:spChg>
        <pc:spChg chg="del">
          <ac:chgData name="Kelsey Peterson" userId="f9abf1b4-a07d-4672-85df-801faa769c9e" providerId="ADAL" clId="{110F25EA-FD8E-4D03-A3EB-C1A9860A6416}" dt="2021-07-30T15:32:41.493" v="1826" actId="478"/>
          <ac:spMkLst>
            <pc:docMk/>
            <pc:sldMk cId="1871154911" sldId="274"/>
            <ac:spMk id="44" creationId="{E3FA53B7-C6D8-4C49-B405-41C1E0C98E24}"/>
          </ac:spMkLst>
        </pc:spChg>
        <pc:spChg chg="del">
          <ac:chgData name="Kelsey Peterson" userId="f9abf1b4-a07d-4672-85df-801faa769c9e" providerId="ADAL" clId="{110F25EA-FD8E-4D03-A3EB-C1A9860A6416}" dt="2021-07-30T15:32:41.493" v="1826" actId="478"/>
          <ac:spMkLst>
            <pc:docMk/>
            <pc:sldMk cId="1871154911" sldId="274"/>
            <ac:spMk id="45" creationId="{1038CD83-132D-46E5-8C72-773D2F6DCCD6}"/>
          </ac:spMkLst>
        </pc:spChg>
        <pc:spChg chg="del">
          <ac:chgData name="Kelsey Peterson" userId="f9abf1b4-a07d-4672-85df-801faa769c9e" providerId="ADAL" clId="{110F25EA-FD8E-4D03-A3EB-C1A9860A6416}" dt="2021-07-30T15:32:41.493" v="1826" actId="478"/>
          <ac:spMkLst>
            <pc:docMk/>
            <pc:sldMk cId="1871154911" sldId="274"/>
            <ac:spMk id="46" creationId="{E0D8B039-FBFF-45A6-9286-B6A5636F89B1}"/>
          </ac:spMkLst>
        </pc:spChg>
        <pc:spChg chg="del">
          <ac:chgData name="Kelsey Peterson" userId="f9abf1b4-a07d-4672-85df-801faa769c9e" providerId="ADAL" clId="{110F25EA-FD8E-4D03-A3EB-C1A9860A6416}" dt="2021-07-30T15:32:41.493" v="1826" actId="478"/>
          <ac:spMkLst>
            <pc:docMk/>
            <pc:sldMk cId="1871154911" sldId="274"/>
            <ac:spMk id="47" creationId="{73A7EAB5-F9BD-4ACB-8C33-809D2E88C40E}"/>
          </ac:spMkLst>
        </pc:spChg>
        <pc:spChg chg="del">
          <ac:chgData name="Kelsey Peterson" userId="f9abf1b4-a07d-4672-85df-801faa769c9e" providerId="ADAL" clId="{110F25EA-FD8E-4D03-A3EB-C1A9860A6416}" dt="2021-07-30T15:32:41.493" v="1826" actId="478"/>
          <ac:spMkLst>
            <pc:docMk/>
            <pc:sldMk cId="1871154911" sldId="274"/>
            <ac:spMk id="48" creationId="{EEDAF03F-F3B1-41AF-915F-DE0D34DCAAB6}"/>
          </ac:spMkLst>
        </pc:spChg>
        <pc:spChg chg="del">
          <ac:chgData name="Kelsey Peterson" userId="f9abf1b4-a07d-4672-85df-801faa769c9e" providerId="ADAL" clId="{110F25EA-FD8E-4D03-A3EB-C1A9860A6416}" dt="2021-07-30T15:32:41.493" v="1826" actId="478"/>
          <ac:spMkLst>
            <pc:docMk/>
            <pc:sldMk cId="1871154911" sldId="274"/>
            <ac:spMk id="49" creationId="{B6497F96-74C8-4659-8E1B-D4A83C83FBF7}"/>
          </ac:spMkLst>
        </pc:spChg>
        <pc:spChg chg="del">
          <ac:chgData name="Kelsey Peterson" userId="f9abf1b4-a07d-4672-85df-801faa769c9e" providerId="ADAL" clId="{110F25EA-FD8E-4D03-A3EB-C1A9860A6416}" dt="2021-07-30T15:32:41.493" v="1826" actId="478"/>
          <ac:spMkLst>
            <pc:docMk/>
            <pc:sldMk cId="1871154911" sldId="274"/>
            <ac:spMk id="50" creationId="{37E41ECF-9905-4495-B4ED-D144515FAD87}"/>
          </ac:spMkLst>
        </pc:spChg>
        <pc:spChg chg="del">
          <ac:chgData name="Kelsey Peterson" userId="f9abf1b4-a07d-4672-85df-801faa769c9e" providerId="ADAL" clId="{110F25EA-FD8E-4D03-A3EB-C1A9860A6416}" dt="2021-07-30T15:32:41.493" v="1826" actId="478"/>
          <ac:spMkLst>
            <pc:docMk/>
            <pc:sldMk cId="1871154911" sldId="274"/>
            <ac:spMk id="51" creationId="{C18BDC68-1715-4533-A225-F3659619C2A6}"/>
          </ac:spMkLst>
        </pc:spChg>
        <pc:spChg chg="del">
          <ac:chgData name="Kelsey Peterson" userId="f9abf1b4-a07d-4672-85df-801faa769c9e" providerId="ADAL" clId="{110F25EA-FD8E-4D03-A3EB-C1A9860A6416}" dt="2021-07-30T15:32:41.493" v="1826" actId="478"/>
          <ac:spMkLst>
            <pc:docMk/>
            <pc:sldMk cId="1871154911" sldId="274"/>
            <ac:spMk id="52" creationId="{B752FE4F-A591-42B2-B4D9-9D615AEFA7EF}"/>
          </ac:spMkLst>
        </pc:spChg>
        <pc:spChg chg="del">
          <ac:chgData name="Kelsey Peterson" userId="f9abf1b4-a07d-4672-85df-801faa769c9e" providerId="ADAL" clId="{110F25EA-FD8E-4D03-A3EB-C1A9860A6416}" dt="2021-07-30T15:32:41.493" v="1826" actId="478"/>
          <ac:spMkLst>
            <pc:docMk/>
            <pc:sldMk cId="1871154911" sldId="274"/>
            <ac:spMk id="54" creationId="{37520F52-A04C-41F5-BD00-46863E78499A}"/>
          </ac:spMkLst>
        </pc:spChg>
        <pc:spChg chg="del">
          <ac:chgData name="Kelsey Peterson" userId="f9abf1b4-a07d-4672-85df-801faa769c9e" providerId="ADAL" clId="{110F25EA-FD8E-4D03-A3EB-C1A9860A6416}" dt="2021-07-30T15:32:41.493" v="1826" actId="478"/>
          <ac:spMkLst>
            <pc:docMk/>
            <pc:sldMk cId="1871154911" sldId="274"/>
            <ac:spMk id="55" creationId="{8CBE8468-92D2-4B46-AAA5-459CF79E6CDE}"/>
          </ac:spMkLst>
        </pc:spChg>
        <pc:spChg chg="del">
          <ac:chgData name="Kelsey Peterson" userId="f9abf1b4-a07d-4672-85df-801faa769c9e" providerId="ADAL" clId="{110F25EA-FD8E-4D03-A3EB-C1A9860A6416}" dt="2021-07-30T15:32:41.493" v="1826" actId="478"/>
          <ac:spMkLst>
            <pc:docMk/>
            <pc:sldMk cId="1871154911" sldId="274"/>
            <ac:spMk id="56" creationId="{FC19249A-5728-403B-8271-31FBA944006F}"/>
          </ac:spMkLst>
        </pc:spChg>
        <pc:spChg chg="del">
          <ac:chgData name="Kelsey Peterson" userId="f9abf1b4-a07d-4672-85df-801faa769c9e" providerId="ADAL" clId="{110F25EA-FD8E-4D03-A3EB-C1A9860A6416}" dt="2021-07-30T15:32:41.493" v="1826" actId="478"/>
          <ac:spMkLst>
            <pc:docMk/>
            <pc:sldMk cId="1871154911" sldId="274"/>
            <ac:spMk id="57" creationId="{A5B56A28-98BB-4C5E-95AC-D850CC7A488D}"/>
          </ac:spMkLst>
        </pc:spChg>
        <pc:spChg chg="del">
          <ac:chgData name="Kelsey Peterson" userId="f9abf1b4-a07d-4672-85df-801faa769c9e" providerId="ADAL" clId="{110F25EA-FD8E-4D03-A3EB-C1A9860A6416}" dt="2021-07-30T15:32:41.493" v="1826" actId="478"/>
          <ac:spMkLst>
            <pc:docMk/>
            <pc:sldMk cId="1871154911" sldId="274"/>
            <ac:spMk id="58" creationId="{67C28177-6249-4295-8C5C-D507BACB4C5B}"/>
          </ac:spMkLst>
        </pc:spChg>
        <pc:spChg chg="del">
          <ac:chgData name="Kelsey Peterson" userId="f9abf1b4-a07d-4672-85df-801faa769c9e" providerId="ADAL" clId="{110F25EA-FD8E-4D03-A3EB-C1A9860A6416}" dt="2021-07-30T15:32:41.493" v="1826" actId="478"/>
          <ac:spMkLst>
            <pc:docMk/>
            <pc:sldMk cId="1871154911" sldId="274"/>
            <ac:spMk id="59" creationId="{D3E01CB2-2A06-48C9-94EB-596E11DB0DC0}"/>
          </ac:spMkLst>
        </pc:spChg>
        <pc:spChg chg="del">
          <ac:chgData name="Kelsey Peterson" userId="f9abf1b4-a07d-4672-85df-801faa769c9e" providerId="ADAL" clId="{110F25EA-FD8E-4D03-A3EB-C1A9860A6416}" dt="2021-07-30T15:32:41.493" v="1826" actId="478"/>
          <ac:spMkLst>
            <pc:docMk/>
            <pc:sldMk cId="1871154911" sldId="274"/>
            <ac:spMk id="61" creationId="{C2BE8751-7E43-446E-9485-0F84BF202A82}"/>
          </ac:spMkLst>
        </pc:spChg>
        <pc:spChg chg="del">
          <ac:chgData name="Kelsey Peterson" userId="f9abf1b4-a07d-4672-85df-801faa769c9e" providerId="ADAL" clId="{110F25EA-FD8E-4D03-A3EB-C1A9860A6416}" dt="2021-07-30T15:32:41.493" v="1826" actId="478"/>
          <ac:spMkLst>
            <pc:docMk/>
            <pc:sldMk cId="1871154911" sldId="274"/>
            <ac:spMk id="62" creationId="{61B3C791-7FC4-4DDE-BA89-3CA2A950487A}"/>
          </ac:spMkLst>
        </pc:spChg>
        <pc:spChg chg="del">
          <ac:chgData name="Kelsey Peterson" userId="f9abf1b4-a07d-4672-85df-801faa769c9e" providerId="ADAL" clId="{110F25EA-FD8E-4D03-A3EB-C1A9860A6416}" dt="2021-07-30T15:32:41.493" v="1826" actId="478"/>
          <ac:spMkLst>
            <pc:docMk/>
            <pc:sldMk cId="1871154911" sldId="274"/>
            <ac:spMk id="63" creationId="{9F4C735D-90F6-44EE-81B7-44E557147E02}"/>
          </ac:spMkLst>
        </pc:spChg>
        <pc:spChg chg="del">
          <ac:chgData name="Kelsey Peterson" userId="f9abf1b4-a07d-4672-85df-801faa769c9e" providerId="ADAL" clId="{110F25EA-FD8E-4D03-A3EB-C1A9860A6416}" dt="2021-07-30T15:32:41.493" v="1826" actId="478"/>
          <ac:spMkLst>
            <pc:docMk/>
            <pc:sldMk cId="1871154911" sldId="274"/>
            <ac:spMk id="64" creationId="{AF66744D-EDD8-43C1-8FB5-B205A9FE5778}"/>
          </ac:spMkLst>
        </pc:spChg>
        <pc:spChg chg="del">
          <ac:chgData name="Kelsey Peterson" userId="f9abf1b4-a07d-4672-85df-801faa769c9e" providerId="ADAL" clId="{110F25EA-FD8E-4D03-A3EB-C1A9860A6416}" dt="2021-07-30T15:32:41.493" v="1826" actId="478"/>
          <ac:spMkLst>
            <pc:docMk/>
            <pc:sldMk cId="1871154911" sldId="274"/>
            <ac:spMk id="65" creationId="{DF57633C-B90D-4C18-BAF1-31708E7D4D09}"/>
          </ac:spMkLst>
        </pc:spChg>
        <pc:spChg chg="del">
          <ac:chgData name="Kelsey Peterson" userId="f9abf1b4-a07d-4672-85df-801faa769c9e" providerId="ADAL" clId="{110F25EA-FD8E-4D03-A3EB-C1A9860A6416}" dt="2021-07-30T15:32:41.493" v="1826" actId="478"/>
          <ac:spMkLst>
            <pc:docMk/>
            <pc:sldMk cId="1871154911" sldId="274"/>
            <ac:spMk id="66" creationId="{C01C0B83-D5DC-4651-8EEE-283EDCA54BF6}"/>
          </ac:spMkLst>
        </pc:spChg>
        <pc:spChg chg="del">
          <ac:chgData name="Kelsey Peterson" userId="f9abf1b4-a07d-4672-85df-801faa769c9e" providerId="ADAL" clId="{110F25EA-FD8E-4D03-A3EB-C1A9860A6416}" dt="2021-07-30T15:32:41.493" v="1826" actId="478"/>
          <ac:spMkLst>
            <pc:docMk/>
            <pc:sldMk cId="1871154911" sldId="274"/>
            <ac:spMk id="67" creationId="{4F778136-5591-419D-B98F-95542C2118E0}"/>
          </ac:spMkLst>
        </pc:spChg>
        <pc:spChg chg="del">
          <ac:chgData name="Kelsey Peterson" userId="f9abf1b4-a07d-4672-85df-801faa769c9e" providerId="ADAL" clId="{110F25EA-FD8E-4D03-A3EB-C1A9860A6416}" dt="2021-07-30T15:32:41.493" v="1826" actId="478"/>
          <ac:spMkLst>
            <pc:docMk/>
            <pc:sldMk cId="1871154911" sldId="274"/>
            <ac:spMk id="68" creationId="{273FB59B-D386-45EC-8A6D-F31AE2645EB2}"/>
          </ac:spMkLst>
        </pc:spChg>
        <pc:spChg chg="del">
          <ac:chgData name="Kelsey Peterson" userId="f9abf1b4-a07d-4672-85df-801faa769c9e" providerId="ADAL" clId="{110F25EA-FD8E-4D03-A3EB-C1A9860A6416}" dt="2021-07-30T15:32:41.493" v="1826" actId="478"/>
          <ac:spMkLst>
            <pc:docMk/>
            <pc:sldMk cId="1871154911" sldId="274"/>
            <ac:spMk id="69" creationId="{EB66BC47-6CBE-4C52-9630-CD375FACBDF8}"/>
          </ac:spMkLst>
        </pc:spChg>
        <pc:spChg chg="del">
          <ac:chgData name="Kelsey Peterson" userId="f9abf1b4-a07d-4672-85df-801faa769c9e" providerId="ADAL" clId="{110F25EA-FD8E-4D03-A3EB-C1A9860A6416}" dt="2021-07-30T15:32:41.493" v="1826" actId="478"/>
          <ac:spMkLst>
            <pc:docMk/>
            <pc:sldMk cId="1871154911" sldId="274"/>
            <ac:spMk id="71" creationId="{7E8E80FD-71B0-43D6-BAC3-A04DD64B739F}"/>
          </ac:spMkLst>
        </pc:spChg>
        <pc:spChg chg="del">
          <ac:chgData name="Kelsey Peterson" userId="f9abf1b4-a07d-4672-85df-801faa769c9e" providerId="ADAL" clId="{110F25EA-FD8E-4D03-A3EB-C1A9860A6416}" dt="2021-07-30T15:32:41.493" v="1826" actId="478"/>
          <ac:spMkLst>
            <pc:docMk/>
            <pc:sldMk cId="1871154911" sldId="274"/>
            <ac:spMk id="72" creationId="{483A6877-2062-4009-B448-A0D2D281495F}"/>
          </ac:spMkLst>
        </pc:spChg>
        <pc:spChg chg="del">
          <ac:chgData name="Kelsey Peterson" userId="f9abf1b4-a07d-4672-85df-801faa769c9e" providerId="ADAL" clId="{110F25EA-FD8E-4D03-A3EB-C1A9860A6416}" dt="2021-07-30T15:32:41.493" v="1826" actId="478"/>
          <ac:spMkLst>
            <pc:docMk/>
            <pc:sldMk cId="1871154911" sldId="274"/>
            <ac:spMk id="73" creationId="{39F476FF-516F-4C3C-99F2-4F16E48F8726}"/>
          </ac:spMkLst>
        </pc:spChg>
        <pc:spChg chg="del">
          <ac:chgData name="Kelsey Peterson" userId="f9abf1b4-a07d-4672-85df-801faa769c9e" providerId="ADAL" clId="{110F25EA-FD8E-4D03-A3EB-C1A9860A6416}" dt="2021-07-30T15:32:41.493" v="1826" actId="478"/>
          <ac:spMkLst>
            <pc:docMk/>
            <pc:sldMk cId="1871154911" sldId="274"/>
            <ac:spMk id="74" creationId="{FF0FF6AF-A5ED-4AB2-9FED-74E8580C666F}"/>
          </ac:spMkLst>
        </pc:spChg>
        <pc:spChg chg="del">
          <ac:chgData name="Kelsey Peterson" userId="f9abf1b4-a07d-4672-85df-801faa769c9e" providerId="ADAL" clId="{110F25EA-FD8E-4D03-A3EB-C1A9860A6416}" dt="2021-07-30T15:32:41.493" v="1826" actId="478"/>
          <ac:spMkLst>
            <pc:docMk/>
            <pc:sldMk cId="1871154911" sldId="274"/>
            <ac:spMk id="75" creationId="{C1670711-9163-4FE9-9D7A-A0047532CAD4}"/>
          </ac:spMkLst>
        </pc:spChg>
        <pc:spChg chg="del">
          <ac:chgData name="Kelsey Peterson" userId="f9abf1b4-a07d-4672-85df-801faa769c9e" providerId="ADAL" clId="{110F25EA-FD8E-4D03-A3EB-C1A9860A6416}" dt="2021-07-30T15:32:41.493" v="1826" actId="478"/>
          <ac:spMkLst>
            <pc:docMk/>
            <pc:sldMk cId="1871154911" sldId="274"/>
            <ac:spMk id="76" creationId="{2BC90D56-9E29-487E-8A97-CC0C44CACBC4}"/>
          </ac:spMkLst>
        </pc:spChg>
        <pc:spChg chg="del">
          <ac:chgData name="Kelsey Peterson" userId="f9abf1b4-a07d-4672-85df-801faa769c9e" providerId="ADAL" clId="{110F25EA-FD8E-4D03-A3EB-C1A9860A6416}" dt="2021-07-30T15:32:41.493" v="1826" actId="478"/>
          <ac:spMkLst>
            <pc:docMk/>
            <pc:sldMk cId="1871154911" sldId="274"/>
            <ac:spMk id="77" creationId="{A2D61898-B8A4-42B9-9487-47E8123558FC}"/>
          </ac:spMkLst>
        </pc:spChg>
        <pc:spChg chg="del">
          <ac:chgData name="Kelsey Peterson" userId="f9abf1b4-a07d-4672-85df-801faa769c9e" providerId="ADAL" clId="{110F25EA-FD8E-4D03-A3EB-C1A9860A6416}" dt="2021-07-30T15:32:41.493" v="1826" actId="478"/>
          <ac:spMkLst>
            <pc:docMk/>
            <pc:sldMk cId="1871154911" sldId="274"/>
            <ac:spMk id="78" creationId="{3A2A24E7-CD8C-41D3-B460-89766FF1006C}"/>
          </ac:spMkLst>
        </pc:spChg>
        <pc:spChg chg="del">
          <ac:chgData name="Kelsey Peterson" userId="f9abf1b4-a07d-4672-85df-801faa769c9e" providerId="ADAL" clId="{110F25EA-FD8E-4D03-A3EB-C1A9860A6416}" dt="2021-07-30T15:32:41.493" v="1826" actId="478"/>
          <ac:spMkLst>
            <pc:docMk/>
            <pc:sldMk cId="1871154911" sldId="274"/>
            <ac:spMk id="79" creationId="{962BD99C-E153-436A-A9E0-B78831A5B722}"/>
          </ac:spMkLst>
        </pc:spChg>
        <pc:spChg chg="del">
          <ac:chgData name="Kelsey Peterson" userId="f9abf1b4-a07d-4672-85df-801faa769c9e" providerId="ADAL" clId="{110F25EA-FD8E-4D03-A3EB-C1A9860A6416}" dt="2021-07-30T15:32:41.493" v="1826" actId="478"/>
          <ac:spMkLst>
            <pc:docMk/>
            <pc:sldMk cId="1871154911" sldId="274"/>
            <ac:spMk id="80" creationId="{C122DFC6-06C8-4F4B-BEC5-EE495C59506F}"/>
          </ac:spMkLst>
        </pc:spChg>
        <pc:spChg chg="del">
          <ac:chgData name="Kelsey Peterson" userId="f9abf1b4-a07d-4672-85df-801faa769c9e" providerId="ADAL" clId="{110F25EA-FD8E-4D03-A3EB-C1A9860A6416}" dt="2021-07-30T15:32:41.493" v="1826" actId="478"/>
          <ac:spMkLst>
            <pc:docMk/>
            <pc:sldMk cId="1871154911" sldId="274"/>
            <ac:spMk id="81" creationId="{D62D0642-8B3C-48C4-A4F4-853895E2B2A0}"/>
          </ac:spMkLst>
        </pc:spChg>
        <pc:spChg chg="del">
          <ac:chgData name="Kelsey Peterson" userId="f9abf1b4-a07d-4672-85df-801faa769c9e" providerId="ADAL" clId="{110F25EA-FD8E-4D03-A3EB-C1A9860A6416}" dt="2021-07-30T15:32:41.493" v="1826" actId="478"/>
          <ac:spMkLst>
            <pc:docMk/>
            <pc:sldMk cId="1871154911" sldId="274"/>
            <ac:spMk id="82" creationId="{047EBA42-44F2-496C-A6FE-EB7407FEEFF2}"/>
          </ac:spMkLst>
        </pc:spChg>
        <pc:cxnChg chg="del">
          <ac:chgData name="Kelsey Peterson" userId="f9abf1b4-a07d-4672-85df-801faa769c9e" providerId="ADAL" clId="{110F25EA-FD8E-4D03-A3EB-C1A9860A6416}" dt="2021-07-30T15:32:41.493" v="1826" actId="478"/>
          <ac:cxnSpMkLst>
            <pc:docMk/>
            <pc:sldMk cId="1871154911" sldId="274"/>
            <ac:cxnSpMk id="8" creationId="{9FC298DA-B758-4A99-84B5-C949FB419BD0}"/>
          </ac:cxnSpMkLst>
        </pc:cxnChg>
        <pc:cxnChg chg="del">
          <ac:chgData name="Kelsey Peterson" userId="f9abf1b4-a07d-4672-85df-801faa769c9e" providerId="ADAL" clId="{110F25EA-FD8E-4D03-A3EB-C1A9860A6416}" dt="2021-07-30T15:32:41.493" v="1826" actId="478"/>
          <ac:cxnSpMkLst>
            <pc:docMk/>
            <pc:sldMk cId="1871154911" sldId="274"/>
            <ac:cxnSpMk id="13" creationId="{E5C52519-064E-4280-AC47-D90698B09F11}"/>
          </ac:cxnSpMkLst>
        </pc:cxnChg>
        <pc:cxnChg chg="del">
          <ac:chgData name="Kelsey Peterson" userId="f9abf1b4-a07d-4672-85df-801faa769c9e" providerId="ADAL" clId="{110F25EA-FD8E-4D03-A3EB-C1A9860A6416}" dt="2021-07-30T15:32:41.493" v="1826" actId="478"/>
          <ac:cxnSpMkLst>
            <pc:docMk/>
            <pc:sldMk cId="1871154911" sldId="274"/>
            <ac:cxnSpMk id="15" creationId="{6AD41F3B-B474-4B18-9DBE-7F65137053CD}"/>
          </ac:cxnSpMkLst>
        </pc:cxnChg>
        <pc:cxnChg chg="del">
          <ac:chgData name="Kelsey Peterson" userId="f9abf1b4-a07d-4672-85df-801faa769c9e" providerId="ADAL" clId="{110F25EA-FD8E-4D03-A3EB-C1A9860A6416}" dt="2021-07-30T15:32:41.493" v="1826" actId="478"/>
          <ac:cxnSpMkLst>
            <pc:docMk/>
            <pc:sldMk cId="1871154911" sldId="274"/>
            <ac:cxnSpMk id="17" creationId="{84351CE1-E8D8-49F0-9C36-A5738417AFF3}"/>
          </ac:cxnSpMkLst>
        </pc:cxnChg>
        <pc:cxnChg chg="del">
          <ac:chgData name="Kelsey Peterson" userId="f9abf1b4-a07d-4672-85df-801faa769c9e" providerId="ADAL" clId="{110F25EA-FD8E-4D03-A3EB-C1A9860A6416}" dt="2021-07-30T15:32:41.493" v="1826" actId="478"/>
          <ac:cxnSpMkLst>
            <pc:docMk/>
            <pc:sldMk cId="1871154911" sldId="274"/>
            <ac:cxnSpMk id="19" creationId="{6FA7040A-05FC-4B98-BAE7-E270C76A45DB}"/>
          </ac:cxnSpMkLst>
        </pc:cxnChg>
        <pc:cxnChg chg="del">
          <ac:chgData name="Kelsey Peterson" userId="f9abf1b4-a07d-4672-85df-801faa769c9e" providerId="ADAL" clId="{110F25EA-FD8E-4D03-A3EB-C1A9860A6416}" dt="2021-07-30T15:32:41.493" v="1826" actId="478"/>
          <ac:cxnSpMkLst>
            <pc:docMk/>
            <pc:sldMk cId="1871154911" sldId="274"/>
            <ac:cxnSpMk id="21" creationId="{BF55CF53-AC30-4857-AE4A-EE96A2281B50}"/>
          </ac:cxnSpMkLst>
        </pc:cxnChg>
        <pc:cxnChg chg="del">
          <ac:chgData name="Kelsey Peterson" userId="f9abf1b4-a07d-4672-85df-801faa769c9e" providerId="ADAL" clId="{110F25EA-FD8E-4D03-A3EB-C1A9860A6416}" dt="2021-07-30T15:32:41.493" v="1826" actId="478"/>
          <ac:cxnSpMkLst>
            <pc:docMk/>
            <pc:sldMk cId="1871154911" sldId="274"/>
            <ac:cxnSpMk id="23" creationId="{F83C0A30-4EC6-4D5E-90B6-7CD98D0A9644}"/>
          </ac:cxnSpMkLst>
        </pc:cxnChg>
        <pc:cxnChg chg="del">
          <ac:chgData name="Kelsey Peterson" userId="f9abf1b4-a07d-4672-85df-801faa769c9e" providerId="ADAL" clId="{110F25EA-FD8E-4D03-A3EB-C1A9860A6416}" dt="2021-07-30T15:32:41.493" v="1826" actId="478"/>
          <ac:cxnSpMkLst>
            <pc:docMk/>
            <pc:sldMk cId="1871154911" sldId="274"/>
            <ac:cxnSpMk id="25" creationId="{40DEC4DC-5BB2-4EEC-90C9-6A14CF73FEFB}"/>
          </ac:cxnSpMkLst>
        </pc:cxnChg>
        <pc:cxnChg chg="del">
          <ac:chgData name="Kelsey Peterson" userId="f9abf1b4-a07d-4672-85df-801faa769c9e" providerId="ADAL" clId="{110F25EA-FD8E-4D03-A3EB-C1A9860A6416}" dt="2021-07-30T15:32:41.493" v="1826" actId="478"/>
          <ac:cxnSpMkLst>
            <pc:docMk/>
            <pc:sldMk cId="1871154911" sldId="274"/>
            <ac:cxnSpMk id="27" creationId="{AAA295C2-5895-421B-9D42-2B2D89CBE5C6}"/>
          </ac:cxnSpMkLst>
        </pc:cxnChg>
        <pc:cxnChg chg="del">
          <ac:chgData name="Kelsey Peterson" userId="f9abf1b4-a07d-4672-85df-801faa769c9e" providerId="ADAL" clId="{110F25EA-FD8E-4D03-A3EB-C1A9860A6416}" dt="2021-07-30T15:32:41.493" v="1826" actId="478"/>
          <ac:cxnSpMkLst>
            <pc:docMk/>
            <pc:sldMk cId="1871154911" sldId="274"/>
            <ac:cxnSpMk id="29" creationId="{B336BC1E-011A-4B57-BFE8-368BFCEC9188}"/>
          </ac:cxnSpMkLst>
        </pc:cxnChg>
        <pc:cxnChg chg="del">
          <ac:chgData name="Kelsey Peterson" userId="f9abf1b4-a07d-4672-85df-801faa769c9e" providerId="ADAL" clId="{110F25EA-FD8E-4D03-A3EB-C1A9860A6416}" dt="2021-07-30T15:32:41.493" v="1826" actId="478"/>
          <ac:cxnSpMkLst>
            <pc:docMk/>
            <pc:sldMk cId="1871154911" sldId="274"/>
            <ac:cxnSpMk id="31" creationId="{3D4AAA4A-4225-4139-8907-314546C6EC0D}"/>
          </ac:cxnSpMkLst>
        </pc:cxnChg>
        <pc:cxnChg chg="del">
          <ac:chgData name="Kelsey Peterson" userId="f9abf1b4-a07d-4672-85df-801faa769c9e" providerId="ADAL" clId="{110F25EA-FD8E-4D03-A3EB-C1A9860A6416}" dt="2021-07-30T15:32:41.493" v="1826" actId="478"/>
          <ac:cxnSpMkLst>
            <pc:docMk/>
            <pc:sldMk cId="1871154911" sldId="274"/>
            <ac:cxnSpMk id="33" creationId="{83481B24-8AEA-49CF-A863-8BC03D944D8F}"/>
          </ac:cxnSpMkLst>
        </pc:cxnChg>
        <pc:cxnChg chg="del">
          <ac:chgData name="Kelsey Peterson" userId="f9abf1b4-a07d-4672-85df-801faa769c9e" providerId="ADAL" clId="{110F25EA-FD8E-4D03-A3EB-C1A9860A6416}" dt="2021-07-30T15:32:41.493" v="1826" actId="478"/>
          <ac:cxnSpMkLst>
            <pc:docMk/>
            <pc:sldMk cId="1871154911" sldId="274"/>
            <ac:cxnSpMk id="53" creationId="{64DC2982-4CFD-46BA-80C6-AD1F5FE7AAC9}"/>
          </ac:cxnSpMkLst>
        </pc:cxnChg>
        <pc:cxnChg chg="del">
          <ac:chgData name="Kelsey Peterson" userId="f9abf1b4-a07d-4672-85df-801faa769c9e" providerId="ADAL" clId="{110F25EA-FD8E-4D03-A3EB-C1A9860A6416}" dt="2021-07-30T15:32:41.493" v="1826" actId="478"/>
          <ac:cxnSpMkLst>
            <pc:docMk/>
            <pc:sldMk cId="1871154911" sldId="274"/>
            <ac:cxnSpMk id="60" creationId="{1051E854-3827-46D8-922C-3B1D644E3759}"/>
          </ac:cxnSpMkLst>
        </pc:cxnChg>
        <pc:cxnChg chg="del">
          <ac:chgData name="Kelsey Peterson" userId="f9abf1b4-a07d-4672-85df-801faa769c9e" providerId="ADAL" clId="{110F25EA-FD8E-4D03-A3EB-C1A9860A6416}" dt="2021-07-30T15:32:41.493" v="1826" actId="478"/>
          <ac:cxnSpMkLst>
            <pc:docMk/>
            <pc:sldMk cId="1871154911" sldId="274"/>
            <ac:cxnSpMk id="70" creationId="{F8EA8A65-1D6E-422C-9200-78E562BFFBCE}"/>
          </ac:cxnSpMkLst>
        </pc:cxnChg>
        <pc:cxnChg chg="del">
          <ac:chgData name="Kelsey Peterson" userId="f9abf1b4-a07d-4672-85df-801faa769c9e" providerId="ADAL" clId="{110F25EA-FD8E-4D03-A3EB-C1A9860A6416}" dt="2021-07-30T15:32:41.493" v="1826" actId="478"/>
          <ac:cxnSpMkLst>
            <pc:docMk/>
            <pc:sldMk cId="1871154911" sldId="274"/>
            <ac:cxnSpMk id="83" creationId="{327B6362-C9CF-4616-9BC2-A69AD4AA7127}"/>
          </ac:cxnSpMkLst>
        </pc:cxnChg>
      </pc:sldChg>
      <pc:sldChg chg="addSp delSp modSp add mod">
        <pc:chgData name="Kelsey Peterson" userId="f9abf1b4-a07d-4672-85df-801faa769c9e" providerId="ADAL" clId="{110F25EA-FD8E-4D03-A3EB-C1A9860A6416}" dt="2021-08-16T20:49:09.641" v="5064" actId="478"/>
        <pc:sldMkLst>
          <pc:docMk/>
          <pc:sldMk cId="711113613" sldId="275"/>
        </pc:sldMkLst>
        <pc:spChg chg="mod">
          <ac:chgData name="Kelsey Peterson" userId="f9abf1b4-a07d-4672-85df-801faa769c9e" providerId="ADAL" clId="{110F25EA-FD8E-4D03-A3EB-C1A9860A6416}" dt="2021-07-30T18:54:47.946" v="2922" actId="20577"/>
          <ac:spMkLst>
            <pc:docMk/>
            <pc:sldMk cId="711113613" sldId="275"/>
            <ac:spMk id="2" creationId="{00000000-0000-0000-0000-000000000000}"/>
          </ac:spMkLst>
        </pc:spChg>
        <pc:spChg chg="mod">
          <ac:chgData name="Kelsey Peterson" userId="f9abf1b4-a07d-4672-85df-801faa769c9e" providerId="ADAL" clId="{110F25EA-FD8E-4D03-A3EB-C1A9860A6416}" dt="2021-08-06T12:17:57.519" v="4633" actId="14100"/>
          <ac:spMkLst>
            <pc:docMk/>
            <pc:sldMk cId="711113613" sldId="275"/>
            <ac:spMk id="3" creationId="{00000000-0000-0000-0000-000000000000}"/>
          </ac:spMkLst>
        </pc:spChg>
        <pc:spChg chg="del">
          <ac:chgData name="Kelsey Peterson" userId="f9abf1b4-a07d-4672-85df-801faa769c9e" providerId="ADAL" clId="{110F25EA-FD8E-4D03-A3EB-C1A9860A6416}" dt="2021-08-16T20:49:09.641" v="5064" actId="478"/>
          <ac:spMkLst>
            <pc:docMk/>
            <pc:sldMk cId="711113613" sldId="275"/>
            <ac:spMk id="5" creationId="{E864B336-FAF9-44BE-B219-4A3759D0C7EA}"/>
          </ac:spMkLst>
        </pc:spChg>
        <pc:spChg chg="del mod">
          <ac:chgData name="Kelsey Peterson" userId="f9abf1b4-a07d-4672-85df-801faa769c9e" providerId="ADAL" clId="{110F25EA-FD8E-4D03-A3EB-C1A9860A6416}" dt="2021-08-16T20:49:08.755" v="5063" actId="478"/>
          <ac:spMkLst>
            <pc:docMk/>
            <pc:sldMk cId="711113613" sldId="275"/>
            <ac:spMk id="6" creationId="{0753A9BE-6267-40ED-9B47-87DA538B3458}"/>
          </ac:spMkLst>
        </pc:spChg>
        <pc:picChg chg="add mod">
          <ac:chgData name="Kelsey Peterson" userId="f9abf1b4-a07d-4672-85df-801faa769c9e" providerId="ADAL" clId="{110F25EA-FD8E-4D03-A3EB-C1A9860A6416}" dt="2021-08-06T12:18:02.175" v="4635" actId="1076"/>
          <ac:picMkLst>
            <pc:docMk/>
            <pc:sldMk cId="711113613" sldId="275"/>
            <ac:picMk id="7" creationId="{3F9D8740-6A8C-46B9-BDA8-1B88D1A2C8FE}"/>
          </ac:picMkLst>
        </pc:picChg>
      </pc:sldChg>
      <pc:sldChg chg="addSp delSp modSp add mod">
        <pc:chgData name="Kelsey Peterson" userId="f9abf1b4-a07d-4672-85df-801faa769c9e" providerId="ADAL" clId="{110F25EA-FD8E-4D03-A3EB-C1A9860A6416}" dt="2021-08-16T20:49:12.988" v="5066" actId="478"/>
        <pc:sldMkLst>
          <pc:docMk/>
          <pc:sldMk cId="3375571795" sldId="276"/>
        </pc:sldMkLst>
        <pc:spChg chg="mod">
          <ac:chgData name="Kelsey Peterson" userId="f9abf1b4-a07d-4672-85df-801faa769c9e" providerId="ADAL" clId="{110F25EA-FD8E-4D03-A3EB-C1A9860A6416}" dt="2021-07-30T19:09:48.514" v="2962" actId="20577"/>
          <ac:spMkLst>
            <pc:docMk/>
            <pc:sldMk cId="3375571795" sldId="276"/>
            <ac:spMk id="2" creationId="{00000000-0000-0000-0000-000000000000}"/>
          </ac:spMkLst>
        </pc:spChg>
        <pc:spChg chg="mod">
          <ac:chgData name="Kelsey Peterson" userId="f9abf1b4-a07d-4672-85df-801faa769c9e" providerId="ADAL" clId="{110F25EA-FD8E-4D03-A3EB-C1A9860A6416}" dt="2021-07-30T15:53:40.417" v="2353" actId="20577"/>
          <ac:spMkLst>
            <pc:docMk/>
            <pc:sldMk cId="3375571795" sldId="276"/>
            <ac:spMk id="3" creationId="{00000000-0000-0000-0000-000000000000}"/>
          </ac:spMkLst>
        </pc:spChg>
        <pc:spChg chg="del">
          <ac:chgData name="Kelsey Peterson" userId="f9abf1b4-a07d-4672-85df-801faa769c9e" providerId="ADAL" clId="{110F25EA-FD8E-4D03-A3EB-C1A9860A6416}" dt="2021-08-16T20:49:12.988" v="5066" actId="478"/>
          <ac:spMkLst>
            <pc:docMk/>
            <pc:sldMk cId="3375571795" sldId="276"/>
            <ac:spMk id="5" creationId="{E864B336-FAF9-44BE-B219-4A3759D0C7EA}"/>
          </ac:spMkLst>
        </pc:spChg>
        <pc:spChg chg="del">
          <ac:chgData name="Kelsey Peterson" userId="f9abf1b4-a07d-4672-85df-801faa769c9e" providerId="ADAL" clId="{110F25EA-FD8E-4D03-A3EB-C1A9860A6416}" dt="2021-08-16T20:49:12.225" v="5065" actId="478"/>
          <ac:spMkLst>
            <pc:docMk/>
            <pc:sldMk cId="3375571795" sldId="276"/>
            <ac:spMk id="6" creationId="{0753A9BE-6267-40ED-9B47-87DA538B3458}"/>
          </ac:spMkLst>
        </pc:spChg>
        <pc:spChg chg="add mod">
          <ac:chgData name="Kelsey Peterson" userId="f9abf1b4-a07d-4672-85df-801faa769c9e" providerId="ADAL" clId="{110F25EA-FD8E-4D03-A3EB-C1A9860A6416}" dt="2021-07-30T18:54:58.732" v="2934" actId="20577"/>
          <ac:spMkLst>
            <pc:docMk/>
            <pc:sldMk cId="3375571795" sldId="276"/>
            <ac:spMk id="7" creationId="{A181959A-65B0-4D5F-8D5E-0FABFCC52B40}"/>
          </ac:spMkLst>
        </pc:spChg>
      </pc:sldChg>
      <pc:sldChg chg="delSp modSp new del mod">
        <pc:chgData name="Kelsey Peterson" userId="f9abf1b4-a07d-4672-85df-801faa769c9e" providerId="ADAL" clId="{110F25EA-FD8E-4D03-A3EB-C1A9860A6416}" dt="2021-07-30T18:48:18.039" v="2685" actId="47"/>
        <pc:sldMkLst>
          <pc:docMk/>
          <pc:sldMk cId="155132821" sldId="277"/>
        </pc:sldMkLst>
        <pc:spChg chg="mod">
          <ac:chgData name="Kelsey Peterson" userId="f9abf1b4-a07d-4672-85df-801faa769c9e" providerId="ADAL" clId="{110F25EA-FD8E-4D03-A3EB-C1A9860A6416}" dt="2021-07-30T18:47:13.939" v="2681" actId="20577"/>
          <ac:spMkLst>
            <pc:docMk/>
            <pc:sldMk cId="155132821" sldId="277"/>
            <ac:spMk id="2" creationId="{D15E1DDE-9A39-420A-A537-8FB602E4524D}"/>
          </ac:spMkLst>
        </pc:spChg>
        <pc:picChg chg="del">
          <ac:chgData name="Kelsey Peterson" userId="f9abf1b4-a07d-4672-85df-801faa769c9e" providerId="ADAL" clId="{110F25EA-FD8E-4D03-A3EB-C1A9860A6416}" dt="2021-07-30T18:48:12.512" v="2684"/>
          <ac:picMkLst>
            <pc:docMk/>
            <pc:sldMk cId="155132821" sldId="277"/>
            <ac:picMk id="4" creationId="{923D8127-270B-4418-8431-AB5D33F96C2B}"/>
          </ac:picMkLst>
        </pc:picChg>
      </pc:sldChg>
      <pc:sldChg chg="add del">
        <pc:chgData name="Kelsey Peterson" userId="f9abf1b4-a07d-4672-85df-801faa769c9e" providerId="ADAL" clId="{110F25EA-FD8E-4D03-A3EB-C1A9860A6416}" dt="2021-07-30T18:47:44.958" v="2683" actId="47"/>
        <pc:sldMkLst>
          <pc:docMk/>
          <pc:sldMk cId="1607878239" sldId="278"/>
        </pc:sldMkLst>
      </pc:sldChg>
      <pc:sldChg chg="modSp del mod">
        <pc:chgData name="Kelsey Peterson" userId="f9abf1b4-a07d-4672-85df-801faa769c9e" providerId="ADAL" clId="{110F25EA-FD8E-4D03-A3EB-C1A9860A6416}" dt="2021-07-30T18:51:41.899" v="2809" actId="2696"/>
        <pc:sldMkLst>
          <pc:docMk/>
          <pc:sldMk cId="1644271452" sldId="619"/>
        </pc:sldMkLst>
        <pc:spChg chg="mod">
          <ac:chgData name="Kelsey Peterson" userId="f9abf1b4-a07d-4672-85df-801faa769c9e" providerId="ADAL" clId="{110F25EA-FD8E-4D03-A3EB-C1A9860A6416}" dt="2021-07-30T18:48:31.884" v="2736" actId="20577"/>
          <ac:spMkLst>
            <pc:docMk/>
            <pc:sldMk cId="1644271452" sldId="619"/>
            <ac:spMk id="11" creationId="{00000000-0000-0000-0000-000000000000}"/>
          </ac:spMkLst>
        </pc:spChg>
      </pc:sldChg>
      <pc:sldChg chg="addSp delSp modSp add mod ord">
        <pc:chgData name="Kelsey Peterson" userId="f9abf1b4-a07d-4672-85df-801faa769c9e" providerId="ADAL" clId="{110F25EA-FD8E-4D03-A3EB-C1A9860A6416}" dt="2021-07-30T18:53:11.654" v="2813" actId="14100"/>
        <pc:sldMkLst>
          <pc:docMk/>
          <pc:sldMk cId="2981493092" sldId="620"/>
        </pc:sldMkLst>
        <pc:spChg chg="add del mod">
          <ac:chgData name="Kelsey Peterson" userId="f9abf1b4-a07d-4672-85df-801faa769c9e" providerId="ADAL" clId="{110F25EA-FD8E-4D03-A3EB-C1A9860A6416}" dt="2021-07-30T18:50:07.839" v="2786" actId="478"/>
          <ac:spMkLst>
            <pc:docMk/>
            <pc:sldMk cId="2981493092" sldId="620"/>
            <ac:spMk id="3" creationId="{2B35BAB4-8E9F-4387-A79D-DDDFCB8D529D}"/>
          </ac:spMkLst>
        </pc:spChg>
        <pc:spChg chg="add del mod">
          <ac:chgData name="Kelsey Peterson" userId="f9abf1b4-a07d-4672-85df-801faa769c9e" providerId="ADAL" clId="{110F25EA-FD8E-4D03-A3EB-C1A9860A6416}" dt="2021-07-30T18:53:11.654" v="2813" actId="14100"/>
          <ac:spMkLst>
            <pc:docMk/>
            <pc:sldMk cId="2981493092" sldId="620"/>
            <ac:spMk id="11" creationId="{00000000-0000-0000-0000-000000000000}"/>
          </ac:spMkLst>
        </pc:spChg>
        <pc:picChg chg="add del mod">
          <ac:chgData name="Kelsey Peterson" userId="f9abf1b4-a07d-4672-85df-801faa769c9e" providerId="ADAL" clId="{110F25EA-FD8E-4D03-A3EB-C1A9860A6416}" dt="2021-07-30T18:51:19.187" v="2804" actId="14100"/>
          <ac:picMkLst>
            <pc:docMk/>
            <pc:sldMk cId="2981493092" sldId="620"/>
            <ac:picMk id="5" creationId="{00000000-0000-0000-0000-000000000000}"/>
          </ac:picMkLst>
        </pc:picChg>
      </pc:sldChg>
      <pc:sldChg chg="modSp add mod ord">
        <pc:chgData name="Kelsey Peterson" userId="f9abf1b4-a07d-4672-85df-801faa769c9e" providerId="ADAL" clId="{110F25EA-FD8E-4D03-A3EB-C1A9860A6416}" dt="2021-07-30T18:53:07.389" v="2812" actId="14100"/>
        <pc:sldMkLst>
          <pc:docMk/>
          <pc:sldMk cId="4245066149" sldId="621"/>
        </pc:sldMkLst>
        <pc:spChg chg="mod">
          <ac:chgData name="Kelsey Peterson" userId="f9abf1b4-a07d-4672-85df-801faa769c9e" providerId="ADAL" clId="{110F25EA-FD8E-4D03-A3EB-C1A9860A6416}" dt="2021-07-30T18:53:07.389" v="2812" actId="14100"/>
          <ac:spMkLst>
            <pc:docMk/>
            <pc:sldMk cId="4245066149" sldId="621"/>
            <ac:spMk id="11" creationId="{00000000-0000-0000-0000-000000000000}"/>
          </ac:spMkLst>
        </pc:spChg>
        <pc:picChg chg="mod">
          <ac:chgData name="Kelsey Peterson" userId="f9abf1b4-a07d-4672-85df-801faa769c9e" providerId="ADAL" clId="{110F25EA-FD8E-4D03-A3EB-C1A9860A6416}" dt="2021-07-30T18:53:04.582" v="2811" actId="14100"/>
          <ac:picMkLst>
            <pc:docMk/>
            <pc:sldMk cId="4245066149" sldId="621"/>
            <ac:picMk id="5" creationId="{00000000-0000-0000-0000-000000000000}"/>
          </ac:picMkLst>
        </pc:picChg>
      </pc:sldChg>
      <pc:sldChg chg="modSp add del mod ord">
        <pc:chgData name="Kelsey Peterson" userId="f9abf1b4-a07d-4672-85df-801faa769c9e" providerId="ADAL" clId="{110F25EA-FD8E-4D03-A3EB-C1A9860A6416}" dt="2021-08-11T13:31:35.403" v="4909" actId="2696"/>
        <pc:sldMkLst>
          <pc:docMk/>
          <pc:sldMk cId="866951928" sldId="622"/>
        </pc:sldMkLst>
        <pc:spChg chg="mod">
          <ac:chgData name="Kelsey Peterson" userId="f9abf1b4-a07d-4672-85df-801faa769c9e" providerId="ADAL" clId="{110F25EA-FD8E-4D03-A3EB-C1A9860A6416}" dt="2021-07-30T18:53:46.603" v="2826" actId="20577"/>
          <ac:spMkLst>
            <pc:docMk/>
            <pc:sldMk cId="866951928" sldId="622"/>
            <ac:spMk id="11" creationId="{00000000-0000-0000-0000-000000000000}"/>
          </ac:spMkLst>
        </pc:spChg>
      </pc:sldChg>
      <pc:sldChg chg="modSp add mod ord">
        <pc:chgData name="Kelsey Peterson" userId="f9abf1b4-a07d-4672-85df-801faa769c9e" providerId="ADAL" clId="{110F25EA-FD8E-4D03-A3EB-C1A9860A6416}" dt="2021-07-30T18:55:12.137" v="2951" actId="20577"/>
        <pc:sldMkLst>
          <pc:docMk/>
          <pc:sldMk cId="2466721519" sldId="623"/>
        </pc:sldMkLst>
        <pc:spChg chg="mod">
          <ac:chgData name="Kelsey Peterson" userId="f9abf1b4-a07d-4672-85df-801faa769c9e" providerId="ADAL" clId="{110F25EA-FD8E-4D03-A3EB-C1A9860A6416}" dt="2021-07-30T18:55:12.137" v="2951" actId="20577"/>
          <ac:spMkLst>
            <pc:docMk/>
            <pc:sldMk cId="2466721519" sldId="623"/>
            <ac:spMk id="11" creationId="{00000000-0000-0000-0000-000000000000}"/>
          </ac:spMkLst>
        </pc:spChg>
      </pc:sldChg>
      <pc:sldChg chg="delSp modSp add mod modNotesTx">
        <pc:chgData name="Kelsey Peterson" userId="f9abf1b4-a07d-4672-85df-801faa769c9e" providerId="ADAL" clId="{110F25EA-FD8E-4D03-A3EB-C1A9860A6416}" dt="2021-08-16T20:49:16.858" v="5068" actId="478"/>
        <pc:sldMkLst>
          <pc:docMk/>
          <pc:sldMk cId="4194238447" sldId="624"/>
        </pc:sldMkLst>
        <pc:spChg chg="mod">
          <ac:chgData name="Kelsey Peterson" userId="f9abf1b4-a07d-4672-85df-801faa769c9e" providerId="ADAL" clId="{110F25EA-FD8E-4D03-A3EB-C1A9860A6416}" dt="2021-07-30T19:09:51.908" v="2966" actId="20577"/>
          <ac:spMkLst>
            <pc:docMk/>
            <pc:sldMk cId="4194238447" sldId="624"/>
            <ac:spMk id="2" creationId="{00000000-0000-0000-0000-000000000000}"/>
          </ac:spMkLst>
        </pc:spChg>
        <pc:spChg chg="del">
          <ac:chgData name="Kelsey Peterson" userId="f9abf1b4-a07d-4672-85df-801faa769c9e" providerId="ADAL" clId="{110F25EA-FD8E-4D03-A3EB-C1A9860A6416}" dt="2021-08-16T20:49:16.858" v="5068" actId="478"/>
          <ac:spMkLst>
            <pc:docMk/>
            <pc:sldMk cId="4194238447" sldId="624"/>
            <ac:spMk id="5" creationId="{E864B336-FAF9-44BE-B219-4A3759D0C7EA}"/>
          </ac:spMkLst>
        </pc:spChg>
        <pc:spChg chg="del">
          <ac:chgData name="Kelsey Peterson" userId="f9abf1b4-a07d-4672-85df-801faa769c9e" providerId="ADAL" clId="{110F25EA-FD8E-4D03-A3EB-C1A9860A6416}" dt="2021-08-16T20:49:16.210" v="5067" actId="478"/>
          <ac:spMkLst>
            <pc:docMk/>
            <pc:sldMk cId="4194238447" sldId="624"/>
            <ac:spMk id="6" creationId="{0753A9BE-6267-40ED-9B47-87DA538B3458}"/>
          </ac:spMkLst>
        </pc:spChg>
        <pc:spChg chg="mod">
          <ac:chgData name="Kelsey Peterson" userId="f9abf1b4-a07d-4672-85df-801faa769c9e" providerId="ADAL" clId="{110F25EA-FD8E-4D03-A3EB-C1A9860A6416}" dt="2021-08-06T12:17:27.131" v="4629" actId="14100"/>
          <ac:spMkLst>
            <pc:docMk/>
            <pc:sldMk cId="4194238447" sldId="624"/>
            <ac:spMk id="7" creationId="{A181959A-65B0-4D5F-8D5E-0FABFCC52B40}"/>
          </ac:spMkLst>
        </pc:spChg>
      </pc:sldChg>
      <pc:sldChg chg="delSp add mod ord">
        <pc:chgData name="Kelsey Peterson" userId="f9abf1b4-a07d-4672-85df-801faa769c9e" providerId="ADAL" clId="{110F25EA-FD8E-4D03-A3EB-C1A9860A6416}" dt="2021-08-16T20:49:20.819" v="5070" actId="478"/>
        <pc:sldMkLst>
          <pc:docMk/>
          <pc:sldMk cId="923658770" sldId="625"/>
        </pc:sldMkLst>
        <pc:spChg chg="del">
          <ac:chgData name="Kelsey Peterson" userId="f9abf1b4-a07d-4672-85df-801faa769c9e" providerId="ADAL" clId="{110F25EA-FD8E-4D03-A3EB-C1A9860A6416}" dt="2021-08-16T20:49:20.819" v="5070" actId="478"/>
          <ac:spMkLst>
            <pc:docMk/>
            <pc:sldMk cId="923658770" sldId="625"/>
            <ac:spMk id="5" creationId="{E864B336-FAF9-44BE-B219-4A3759D0C7EA}"/>
          </ac:spMkLst>
        </pc:spChg>
        <pc:spChg chg="del">
          <ac:chgData name="Kelsey Peterson" userId="f9abf1b4-a07d-4672-85df-801faa769c9e" providerId="ADAL" clId="{110F25EA-FD8E-4D03-A3EB-C1A9860A6416}" dt="2021-08-16T20:49:20.128" v="5069" actId="478"/>
          <ac:spMkLst>
            <pc:docMk/>
            <pc:sldMk cId="923658770" sldId="625"/>
            <ac:spMk id="6" creationId="{0753A9BE-6267-40ED-9B47-87DA538B3458}"/>
          </ac:spMkLst>
        </pc:spChg>
      </pc:sldChg>
      <pc:sldChg chg="addSp delSp modSp add mod modNotesTx">
        <pc:chgData name="Kelsey Peterson" userId="f9abf1b4-a07d-4672-85df-801faa769c9e" providerId="ADAL" clId="{110F25EA-FD8E-4D03-A3EB-C1A9860A6416}" dt="2021-08-16T20:47:25.946" v="5017" actId="478"/>
        <pc:sldMkLst>
          <pc:docMk/>
          <pc:sldMk cId="3313322281" sldId="626"/>
        </pc:sldMkLst>
        <pc:spChg chg="mod">
          <ac:chgData name="Kelsey Peterson" userId="f9abf1b4-a07d-4672-85df-801faa769c9e" providerId="ADAL" clId="{110F25EA-FD8E-4D03-A3EB-C1A9860A6416}" dt="2021-08-06T11:50:19.428" v="3648" actId="20577"/>
          <ac:spMkLst>
            <pc:docMk/>
            <pc:sldMk cId="3313322281" sldId="626"/>
            <ac:spMk id="2" creationId="{00000000-0000-0000-0000-000000000000}"/>
          </ac:spMkLst>
        </pc:spChg>
        <pc:spChg chg="add del">
          <ac:chgData name="Kelsey Peterson" userId="f9abf1b4-a07d-4672-85df-801faa769c9e" providerId="ADAL" clId="{110F25EA-FD8E-4D03-A3EB-C1A9860A6416}" dt="2021-08-16T20:47:25.946" v="5017" actId="478"/>
          <ac:spMkLst>
            <pc:docMk/>
            <pc:sldMk cId="3313322281" sldId="626"/>
            <ac:spMk id="5" creationId="{E864B336-FAF9-44BE-B219-4A3759D0C7EA}"/>
          </ac:spMkLst>
        </pc:spChg>
        <pc:spChg chg="del mod">
          <ac:chgData name="Kelsey Peterson" userId="f9abf1b4-a07d-4672-85df-801faa769c9e" providerId="ADAL" clId="{110F25EA-FD8E-4D03-A3EB-C1A9860A6416}" dt="2021-08-16T20:47:24.993" v="5016" actId="478"/>
          <ac:spMkLst>
            <pc:docMk/>
            <pc:sldMk cId="3313322281" sldId="626"/>
            <ac:spMk id="6" creationId="{0753A9BE-6267-40ED-9B47-87DA538B3458}"/>
          </ac:spMkLst>
        </pc:spChg>
        <pc:spChg chg="mod">
          <ac:chgData name="Kelsey Peterson" userId="f9abf1b4-a07d-4672-85df-801faa769c9e" providerId="ADAL" clId="{110F25EA-FD8E-4D03-A3EB-C1A9860A6416}" dt="2021-08-06T11:56:17.462" v="3876" actId="1076"/>
          <ac:spMkLst>
            <pc:docMk/>
            <pc:sldMk cId="3313322281" sldId="626"/>
            <ac:spMk id="7" creationId="{BDB1AC90-1C97-48D6-911F-B9383E4A9A06}"/>
          </ac:spMkLst>
        </pc:spChg>
        <pc:spChg chg="add del mod">
          <ac:chgData name="Kelsey Peterson" userId="f9abf1b4-a07d-4672-85df-801faa769c9e" providerId="ADAL" clId="{110F25EA-FD8E-4D03-A3EB-C1A9860A6416}" dt="2021-08-06T11:50:29.088" v="3650" actId="478"/>
          <ac:spMkLst>
            <pc:docMk/>
            <pc:sldMk cId="3313322281" sldId="626"/>
            <ac:spMk id="9" creationId="{7CB71E4F-5431-4BC1-86C5-E9A233CD1D34}"/>
          </ac:spMkLst>
        </pc:spChg>
        <pc:picChg chg="del">
          <ac:chgData name="Kelsey Peterson" userId="f9abf1b4-a07d-4672-85df-801faa769c9e" providerId="ADAL" clId="{110F25EA-FD8E-4D03-A3EB-C1A9860A6416}" dt="2021-08-06T11:46:55.984" v="3487" actId="478"/>
          <ac:picMkLst>
            <pc:docMk/>
            <pc:sldMk cId="3313322281" sldId="626"/>
            <ac:picMk id="8" creationId="{00A75581-83B6-44D3-8925-CBCE44635905}"/>
          </ac:picMkLst>
        </pc:picChg>
        <pc:picChg chg="add del mod">
          <ac:chgData name="Kelsey Peterson" userId="f9abf1b4-a07d-4672-85df-801faa769c9e" providerId="ADAL" clId="{110F25EA-FD8E-4D03-A3EB-C1A9860A6416}" dt="2021-08-06T11:50:22.098" v="3649" actId="478"/>
          <ac:picMkLst>
            <pc:docMk/>
            <pc:sldMk cId="3313322281" sldId="626"/>
            <ac:picMk id="10" creationId="{CF1B8267-699E-4DC2-A699-115805D591AF}"/>
          </ac:picMkLst>
        </pc:picChg>
        <pc:picChg chg="add mod">
          <ac:chgData name="Kelsey Peterson" userId="f9abf1b4-a07d-4672-85df-801faa769c9e" providerId="ADAL" clId="{110F25EA-FD8E-4D03-A3EB-C1A9860A6416}" dt="2021-08-06T12:15:29.190" v="4319" actId="962"/>
          <ac:picMkLst>
            <pc:docMk/>
            <pc:sldMk cId="3313322281" sldId="626"/>
            <ac:picMk id="1026" creationId="{49BBDC0F-204E-473B-A378-E578FD20AF82}"/>
          </ac:picMkLst>
        </pc:picChg>
      </pc:sldChg>
      <pc:sldChg chg="addSp delSp modSp add mod ord modNotesTx">
        <pc:chgData name="Kelsey Peterson" userId="f9abf1b4-a07d-4672-85df-801faa769c9e" providerId="ADAL" clId="{110F25EA-FD8E-4D03-A3EB-C1A9860A6416}" dt="2021-08-16T20:47:40.644" v="5021" actId="478"/>
        <pc:sldMkLst>
          <pc:docMk/>
          <pc:sldMk cId="211892143" sldId="627"/>
        </pc:sldMkLst>
        <pc:spChg chg="mod">
          <ac:chgData name="Kelsey Peterson" userId="f9abf1b4-a07d-4672-85df-801faa769c9e" providerId="ADAL" clId="{110F25EA-FD8E-4D03-A3EB-C1A9860A6416}" dt="2021-08-06T12:00:03.435" v="3925" actId="20577"/>
          <ac:spMkLst>
            <pc:docMk/>
            <pc:sldMk cId="211892143" sldId="627"/>
            <ac:spMk id="2" creationId="{00000000-0000-0000-0000-000000000000}"/>
          </ac:spMkLst>
        </pc:spChg>
        <pc:spChg chg="del">
          <ac:chgData name="Kelsey Peterson" userId="f9abf1b4-a07d-4672-85df-801faa769c9e" providerId="ADAL" clId="{110F25EA-FD8E-4D03-A3EB-C1A9860A6416}" dt="2021-08-16T20:47:38.901" v="5020" actId="478"/>
          <ac:spMkLst>
            <pc:docMk/>
            <pc:sldMk cId="211892143" sldId="627"/>
            <ac:spMk id="5" creationId="{E864B336-FAF9-44BE-B219-4A3759D0C7EA}"/>
          </ac:spMkLst>
        </pc:spChg>
        <pc:spChg chg="del">
          <ac:chgData name="Kelsey Peterson" userId="f9abf1b4-a07d-4672-85df-801faa769c9e" providerId="ADAL" clId="{110F25EA-FD8E-4D03-A3EB-C1A9860A6416}" dt="2021-08-16T20:47:40.644" v="5021" actId="478"/>
          <ac:spMkLst>
            <pc:docMk/>
            <pc:sldMk cId="211892143" sldId="627"/>
            <ac:spMk id="6" creationId="{0753A9BE-6267-40ED-9B47-87DA538B3458}"/>
          </ac:spMkLst>
        </pc:spChg>
        <pc:spChg chg="mod">
          <ac:chgData name="Kelsey Peterson" userId="f9abf1b4-a07d-4672-85df-801faa769c9e" providerId="ADAL" clId="{110F25EA-FD8E-4D03-A3EB-C1A9860A6416}" dt="2021-08-06T11:57:38.766" v="3909" actId="14100"/>
          <ac:spMkLst>
            <pc:docMk/>
            <pc:sldMk cId="211892143" sldId="627"/>
            <ac:spMk id="7" creationId="{BDB1AC90-1C97-48D6-911F-B9383E4A9A06}"/>
          </ac:spMkLst>
        </pc:spChg>
        <pc:spChg chg="mod">
          <ac:chgData name="Kelsey Peterson" userId="f9abf1b4-a07d-4672-85df-801faa769c9e" providerId="ADAL" clId="{110F25EA-FD8E-4D03-A3EB-C1A9860A6416}" dt="2021-08-06T12:00:22.031" v="3931" actId="207"/>
          <ac:spMkLst>
            <pc:docMk/>
            <pc:sldMk cId="211892143" sldId="627"/>
            <ac:spMk id="9" creationId="{7CB71E4F-5431-4BC1-86C5-E9A233CD1D34}"/>
          </ac:spMkLst>
        </pc:spChg>
        <pc:picChg chg="add mod">
          <ac:chgData name="Kelsey Peterson" userId="f9abf1b4-a07d-4672-85df-801faa769c9e" providerId="ADAL" clId="{110F25EA-FD8E-4D03-A3EB-C1A9860A6416}" dt="2021-08-06T12:15:43.958" v="4377" actId="962"/>
          <ac:picMkLst>
            <pc:docMk/>
            <pc:sldMk cId="211892143" sldId="627"/>
            <ac:picMk id="4" creationId="{76338BD7-74A6-42A2-8D00-1AF557AE1885}"/>
          </ac:picMkLst>
        </pc:picChg>
        <pc:picChg chg="del">
          <ac:chgData name="Kelsey Peterson" userId="f9abf1b4-a07d-4672-85df-801faa769c9e" providerId="ADAL" clId="{110F25EA-FD8E-4D03-A3EB-C1A9860A6416}" dt="2021-08-06T11:56:41.498" v="3877" actId="478"/>
          <ac:picMkLst>
            <pc:docMk/>
            <pc:sldMk cId="211892143" sldId="627"/>
            <ac:picMk id="10" creationId="{CF1B8267-699E-4DC2-A699-115805D591AF}"/>
          </ac:picMkLst>
        </pc:picChg>
      </pc:sldChg>
      <pc:sldChg chg="delSp modSp add mod modNotesTx">
        <pc:chgData name="Kelsey Peterson" userId="f9abf1b4-a07d-4672-85df-801faa769c9e" providerId="ADAL" clId="{110F25EA-FD8E-4D03-A3EB-C1A9860A6416}" dt="2021-08-16T20:47:49.196" v="5025" actId="478"/>
        <pc:sldMkLst>
          <pc:docMk/>
          <pc:sldMk cId="4051716824" sldId="628"/>
        </pc:sldMkLst>
        <pc:spChg chg="del">
          <ac:chgData name="Kelsey Peterson" userId="f9abf1b4-a07d-4672-85df-801faa769c9e" providerId="ADAL" clId="{110F25EA-FD8E-4D03-A3EB-C1A9860A6416}" dt="2021-08-16T20:47:49.196" v="5025" actId="478"/>
          <ac:spMkLst>
            <pc:docMk/>
            <pc:sldMk cId="4051716824" sldId="628"/>
            <ac:spMk id="5" creationId="{E864B336-FAF9-44BE-B219-4A3759D0C7EA}"/>
          </ac:spMkLst>
        </pc:spChg>
        <pc:spChg chg="del">
          <ac:chgData name="Kelsey Peterson" userId="f9abf1b4-a07d-4672-85df-801faa769c9e" providerId="ADAL" clId="{110F25EA-FD8E-4D03-A3EB-C1A9860A6416}" dt="2021-08-16T20:47:47.557" v="5024" actId="478"/>
          <ac:spMkLst>
            <pc:docMk/>
            <pc:sldMk cId="4051716824" sldId="628"/>
            <ac:spMk id="6" creationId="{0753A9BE-6267-40ED-9B47-87DA538B3458}"/>
          </ac:spMkLst>
        </pc:spChg>
        <pc:spChg chg="mod">
          <ac:chgData name="Kelsey Peterson" userId="f9abf1b4-a07d-4672-85df-801faa769c9e" providerId="ADAL" clId="{110F25EA-FD8E-4D03-A3EB-C1A9860A6416}" dt="2021-08-06T11:50:44.953" v="3653" actId="207"/>
          <ac:spMkLst>
            <pc:docMk/>
            <pc:sldMk cId="4051716824" sldId="628"/>
            <ac:spMk id="9" creationId="{7CB71E4F-5431-4BC1-86C5-E9A233CD1D34}"/>
          </ac:spMkLst>
        </pc:spChg>
        <pc:picChg chg="mod">
          <ac:chgData name="Kelsey Peterson" userId="f9abf1b4-a07d-4672-85df-801faa769c9e" providerId="ADAL" clId="{110F25EA-FD8E-4D03-A3EB-C1A9860A6416}" dt="2021-08-06T12:15:57.638" v="4427" actId="962"/>
          <ac:picMkLst>
            <pc:docMk/>
            <pc:sldMk cId="4051716824" sldId="628"/>
            <ac:picMk id="10" creationId="{CF1B8267-699E-4DC2-A699-115805D591AF}"/>
          </ac:picMkLst>
        </pc:picChg>
      </pc:sldChg>
      <pc:sldChg chg="addSp delSp modSp add mod">
        <pc:chgData name="Kelsey Peterson" userId="f9abf1b4-a07d-4672-85df-801faa769c9e" providerId="ADAL" clId="{110F25EA-FD8E-4D03-A3EB-C1A9860A6416}" dt="2021-08-16T20:47:56.901" v="5029" actId="478"/>
        <pc:sldMkLst>
          <pc:docMk/>
          <pc:sldMk cId="1574372541" sldId="629"/>
        </pc:sldMkLst>
        <pc:spChg chg="mod">
          <ac:chgData name="Kelsey Peterson" userId="f9abf1b4-a07d-4672-85df-801faa769c9e" providerId="ADAL" clId="{110F25EA-FD8E-4D03-A3EB-C1A9860A6416}" dt="2021-08-06T12:00:45.867" v="3972" actId="20577"/>
          <ac:spMkLst>
            <pc:docMk/>
            <pc:sldMk cId="1574372541" sldId="629"/>
            <ac:spMk id="2" creationId="{00000000-0000-0000-0000-000000000000}"/>
          </ac:spMkLst>
        </pc:spChg>
        <pc:spChg chg="del">
          <ac:chgData name="Kelsey Peterson" userId="f9abf1b4-a07d-4672-85df-801faa769c9e" providerId="ADAL" clId="{110F25EA-FD8E-4D03-A3EB-C1A9860A6416}" dt="2021-08-16T20:47:56.901" v="5029" actId="478"/>
          <ac:spMkLst>
            <pc:docMk/>
            <pc:sldMk cId="1574372541" sldId="629"/>
            <ac:spMk id="5" creationId="{E864B336-FAF9-44BE-B219-4A3759D0C7EA}"/>
          </ac:spMkLst>
        </pc:spChg>
        <pc:spChg chg="del">
          <ac:chgData name="Kelsey Peterson" userId="f9abf1b4-a07d-4672-85df-801faa769c9e" providerId="ADAL" clId="{110F25EA-FD8E-4D03-A3EB-C1A9860A6416}" dt="2021-08-16T20:47:56.222" v="5028" actId="478"/>
          <ac:spMkLst>
            <pc:docMk/>
            <pc:sldMk cId="1574372541" sldId="629"/>
            <ac:spMk id="6" creationId="{0753A9BE-6267-40ED-9B47-87DA538B3458}"/>
          </ac:spMkLst>
        </pc:spChg>
        <pc:spChg chg="mod">
          <ac:chgData name="Kelsey Peterson" userId="f9abf1b4-a07d-4672-85df-801faa769c9e" providerId="ADAL" clId="{110F25EA-FD8E-4D03-A3EB-C1A9860A6416}" dt="2021-08-06T12:01:34.025" v="3984" actId="20577"/>
          <ac:spMkLst>
            <pc:docMk/>
            <pc:sldMk cId="1574372541" sldId="629"/>
            <ac:spMk id="7" creationId="{BDB1AC90-1C97-48D6-911F-B9383E4A9A06}"/>
          </ac:spMkLst>
        </pc:spChg>
        <pc:spChg chg="del">
          <ac:chgData name="Kelsey Peterson" userId="f9abf1b4-a07d-4672-85df-801faa769c9e" providerId="ADAL" clId="{110F25EA-FD8E-4D03-A3EB-C1A9860A6416}" dt="2021-08-06T12:01:16.509" v="3976" actId="478"/>
          <ac:spMkLst>
            <pc:docMk/>
            <pc:sldMk cId="1574372541" sldId="629"/>
            <ac:spMk id="9" creationId="{7CB71E4F-5431-4BC1-86C5-E9A233CD1D34}"/>
          </ac:spMkLst>
        </pc:spChg>
        <pc:picChg chg="del">
          <ac:chgData name="Kelsey Peterson" userId="f9abf1b4-a07d-4672-85df-801faa769c9e" providerId="ADAL" clId="{110F25EA-FD8E-4D03-A3EB-C1A9860A6416}" dt="2021-08-06T12:01:17.674" v="3977" actId="478"/>
          <ac:picMkLst>
            <pc:docMk/>
            <pc:sldMk cId="1574372541" sldId="629"/>
            <ac:picMk id="4" creationId="{76338BD7-74A6-42A2-8D00-1AF557AE1885}"/>
          </ac:picMkLst>
        </pc:picChg>
        <pc:picChg chg="add mod">
          <ac:chgData name="Kelsey Peterson" userId="f9abf1b4-a07d-4672-85df-801faa769c9e" providerId="ADAL" clId="{110F25EA-FD8E-4D03-A3EB-C1A9860A6416}" dt="2021-08-06T12:16:15.009" v="4428" actId="962"/>
          <ac:picMkLst>
            <pc:docMk/>
            <pc:sldMk cId="1574372541" sldId="629"/>
            <ac:picMk id="8" creationId="{A8CF00D3-006E-40EA-86DC-E47170AAB2F3}"/>
          </ac:picMkLst>
        </pc:picChg>
      </pc:sldChg>
      <pc:sldChg chg="addSp delSp modSp add mod ord">
        <pc:chgData name="Kelsey Peterson" userId="f9abf1b4-a07d-4672-85df-801faa769c9e" providerId="ADAL" clId="{110F25EA-FD8E-4D03-A3EB-C1A9860A6416}" dt="2021-08-16T20:47:35.577" v="5019" actId="478"/>
        <pc:sldMkLst>
          <pc:docMk/>
          <pc:sldMk cId="348587743" sldId="630"/>
        </pc:sldMkLst>
        <pc:spChg chg="add mod">
          <ac:chgData name="Kelsey Peterson" userId="f9abf1b4-a07d-4672-85df-801faa769c9e" providerId="ADAL" clId="{110F25EA-FD8E-4D03-A3EB-C1A9860A6416}" dt="2021-08-10T20:38:50.906" v="4791" actId="14100"/>
          <ac:spMkLst>
            <pc:docMk/>
            <pc:sldMk cId="348587743" sldId="630"/>
            <ac:spMk id="3" creationId="{EF7D505C-0DBC-4EA5-A1F7-9E687BBAB23C}"/>
          </ac:spMkLst>
        </pc:spChg>
        <pc:spChg chg="del">
          <ac:chgData name="Kelsey Peterson" userId="f9abf1b4-a07d-4672-85df-801faa769c9e" providerId="ADAL" clId="{110F25EA-FD8E-4D03-A3EB-C1A9860A6416}" dt="2021-08-16T20:47:35.577" v="5019" actId="478"/>
          <ac:spMkLst>
            <pc:docMk/>
            <pc:sldMk cId="348587743" sldId="630"/>
            <ac:spMk id="5" creationId="{E864B336-FAF9-44BE-B219-4A3759D0C7EA}"/>
          </ac:spMkLst>
        </pc:spChg>
        <pc:spChg chg="del">
          <ac:chgData name="Kelsey Peterson" userId="f9abf1b4-a07d-4672-85df-801faa769c9e" providerId="ADAL" clId="{110F25EA-FD8E-4D03-A3EB-C1A9860A6416}" dt="2021-08-16T20:47:32.370" v="5018" actId="478"/>
          <ac:spMkLst>
            <pc:docMk/>
            <pc:sldMk cId="348587743" sldId="630"/>
            <ac:spMk id="6" creationId="{0753A9BE-6267-40ED-9B47-87DA538B3458}"/>
          </ac:spMkLst>
        </pc:spChg>
      </pc:sldChg>
      <pc:sldChg chg="delSp modSp add mod ord">
        <pc:chgData name="Kelsey Peterson" userId="f9abf1b4-a07d-4672-85df-801faa769c9e" providerId="ADAL" clId="{110F25EA-FD8E-4D03-A3EB-C1A9860A6416}" dt="2021-08-16T20:47:53.130" v="5027" actId="478"/>
        <pc:sldMkLst>
          <pc:docMk/>
          <pc:sldMk cId="859137396" sldId="631"/>
        </pc:sldMkLst>
        <pc:spChg chg="del">
          <ac:chgData name="Kelsey Peterson" userId="f9abf1b4-a07d-4672-85df-801faa769c9e" providerId="ADAL" clId="{110F25EA-FD8E-4D03-A3EB-C1A9860A6416}" dt="2021-08-16T20:47:53.130" v="5027" actId="478"/>
          <ac:spMkLst>
            <pc:docMk/>
            <pc:sldMk cId="859137396" sldId="631"/>
            <ac:spMk id="5" creationId="{E864B336-FAF9-44BE-B219-4A3759D0C7EA}"/>
          </ac:spMkLst>
        </pc:spChg>
        <pc:spChg chg="del">
          <ac:chgData name="Kelsey Peterson" userId="f9abf1b4-a07d-4672-85df-801faa769c9e" providerId="ADAL" clId="{110F25EA-FD8E-4D03-A3EB-C1A9860A6416}" dt="2021-08-16T20:47:52.092" v="5026" actId="478"/>
          <ac:spMkLst>
            <pc:docMk/>
            <pc:sldMk cId="859137396" sldId="631"/>
            <ac:spMk id="6" creationId="{0753A9BE-6267-40ED-9B47-87DA538B3458}"/>
          </ac:spMkLst>
        </pc:spChg>
        <pc:spChg chg="mod">
          <ac:chgData name="Kelsey Peterson" userId="f9abf1b4-a07d-4672-85df-801faa769c9e" providerId="ADAL" clId="{110F25EA-FD8E-4D03-A3EB-C1A9860A6416}" dt="2021-08-10T20:40:29.846" v="4803" actId="14100"/>
          <ac:spMkLst>
            <pc:docMk/>
            <pc:sldMk cId="859137396" sldId="631"/>
            <ac:spMk id="8" creationId="{F4772C31-725F-49F0-998E-BC4B9CF7EDE2}"/>
          </ac:spMkLst>
        </pc:spChg>
      </pc:sldChg>
      <pc:sldChg chg="delSp modSp add mod ord">
        <pc:chgData name="Kelsey Peterson" userId="f9abf1b4-a07d-4672-85df-801faa769c9e" providerId="ADAL" clId="{110F25EA-FD8E-4D03-A3EB-C1A9860A6416}" dt="2021-08-16T20:48:00.628" v="5031" actId="478"/>
        <pc:sldMkLst>
          <pc:docMk/>
          <pc:sldMk cId="2729198281" sldId="632"/>
        </pc:sldMkLst>
        <pc:spChg chg="del">
          <ac:chgData name="Kelsey Peterson" userId="f9abf1b4-a07d-4672-85df-801faa769c9e" providerId="ADAL" clId="{110F25EA-FD8E-4D03-A3EB-C1A9860A6416}" dt="2021-08-16T20:48:00.628" v="5031" actId="478"/>
          <ac:spMkLst>
            <pc:docMk/>
            <pc:sldMk cId="2729198281" sldId="632"/>
            <ac:spMk id="5" creationId="{E864B336-FAF9-44BE-B219-4A3759D0C7EA}"/>
          </ac:spMkLst>
        </pc:spChg>
        <pc:spChg chg="del">
          <ac:chgData name="Kelsey Peterson" userId="f9abf1b4-a07d-4672-85df-801faa769c9e" providerId="ADAL" clId="{110F25EA-FD8E-4D03-A3EB-C1A9860A6416}" dt="2021-08-16T20:47:59.652" v="5030" actId="478"/>
          <ac:spMkLst>
            <pc:docMk/>
            <pc:sldMk cId="2729198281" sldId="632"/>
            <ac:spMk id="6" creationId="{0753A9BE-6267-40ED-9B47-87DA538B3458}"/>
          </ac:spMkLst>
        </pc:spChg>
        <pc:spChg chg="mod">
          <ac:chgData name="Kelsey Peterson" userId="f9abf1b4-a07d-4672-85df-801faa769c9e" providerId="ADAL" clId="{110F25EA-FD8E-4D03-A3EB-C1A9860A6416}" dt="2021-08-10T20:41:06.439" v="4813" actId="14100"/>
          <ac:spMkLst>
            <pc:docMk/>
            <pc:sldMk cId="2729198281" sldId="632"/>
            <ac:spMk id="8" creationId="{F4772C31-725F-49F0-998E-BC4B9CF7EDE2}"/>
          </ac:spMkLst>
        </pc:spChg>
      </pc:sldChg>
    </pc:docChg>
  </pc:docChgLst>
  <pc:docChgLst>
    <pc:chgData name="Greg Gabriel" userId="cdcee299-94b5-470d-a157-fae136cdf525" providerId="ADAL" clId="{10F219AE-2C23-49BA-BB14-36C69ABAB372}"/>
    <pc:docChg chg="undo redo custSel addSld delSld modSld sldOrd">
      <pc:chgData name="Greg Gabriel" userId="cdcee299-94b5-470d-a157-fae136cdf525" providerId="ADAL" clId="{10F219AE-2C23-49BA-BB14-36C69ABAB372}" dt="2022-11-16T17:30:50.624" v="799" actId="729"/>
      <pc:docMkLst>
        <pc:docMk/>
      </pc:docMkLst>
      <pc:sldChg chg="modSp mod">
        <pc:chgData name="Greg Gabriel" userId="cdcee299-94b5-470d-a157-fae136cdf525" providerId="ADAL" clId="{10F219AE-2C23-49BA-BB14-36C69ABAB372}" dt="2022-11-15T19:59:22.958" v="665" actId="122"/>
        <pc:sldMkLst>
          <pc:docMk/>
          <pc:sldMk cId="2011481620" sldId="256"/>
        </pc:sldMkLst>
        <pc:spChg chg="mod">
          <ac:chgData name="Greg Gabriel" userId="cdcee299-94b5-470d-a157-fae136cdf525" providerId="ADAL" clId="{10F219AE-2C23-49BA-BB14-36C69ABAB372}" dt="2022-11-15T19:59:22.958" v="665" actId="122"/>
          <ac:spMkLst>
            <pc:docMk/>
            <pc:sldMk cId="2011481620" sldId="256"/>
            <ac:spMk id="2" creationId="{00000000-0000-0000-0000-000000000000}"/>
          </ac:spMkLst>
        </pc:spChg>
      </pc:sldChg>
      <pc:sldChg chg="add del">
        <pc:chgData name="Greg Gabriel" userId="cdcee299-94b5-470d-a157-fae136cdf525" providerId="ADAL" clId="{10F219AE-2C23-49BA-BB14-36C69ABAB372}" dt="2022-11-08T20:37:38.070" v="474" actId="47"/>
        <pc:sldMkLst>
          <pc:docMk/>
          <pc:sldMk cId="2940403136" sldId="262"/>
        </pc:sldMkLst>
      </pc:sldChg>
      <pc:sldChg chg="add del">
        <pc:chgData name="Greg Gabriel" userId="cdcee299-94b5-470d-a157-fae136cdf525" providerId="ADAL" clId="{10F219AE-2C23-49BA-BB14-36C69ABAB372}" dt="2022-11-08T20:37:38.070" v="474" actId="47"/>
        <pc:sldMkLst>
          <pc:docMk/>
          <pc:sldMk cId="2178959607" sldId="267"/>
        </pc:sldMkLst>
      </pc:sldChg>
      <pc:sldChg chg="modSp add mod modClrScheme modShow chgLayout">
        <pc:chgData name="Greg Gabriel" userId="cdcee299-94b5-470d-a157-fae136cdf525" providerId="ADAL" clId="{10F219AE-2C23-49BA-BB14-36C69ABAB372}" dt="2022-11-16T17:30:50.624" v="799" actId="729"/>
        <pc:sldMkLst>
          <pc:docMk/>
          <pc:sldMk cId="3318354239" sldId="268"/>
        </pc:sldMkLst>
        <pc:spChg chg="mod ord">
          <ac:chgData name="Greg Gabriel" userId="cdcee299-94b5-470d-a157-fae136cdf525" providerId="ADAL" clId="{10F219AE-2C23-49BA-BB14-36C69ABAB372}" dt="2022-11-08T19:05:16.033" v="377" actId="20577"/>
          <ac:spMkLst>
            <pc:docMk/>
            <pc:sldMk cId="3318354239" sldId="268"/>
            <ac:spMk id="2" creationId="{00000000-0000-0000-0000-000000000000}"/>
          </ac:spMkLst>
        </pc:spChg>
        <pc:spChg chg="mod ord">
          <ac:chgData name="Greg Gabriel" userId="cdcee299-94b5-470d-a157-fae136cdf525" providerId="ADAL" clId="{10F219AE-2C23-49BA-BB14-36C69ABAB372}" dt="2022-11-08T20:49:06.588" v="540" actId="255"/>
          <ac:spMkLst>
            <pc:docMk/>
            <pc:sldMk cId="3318354239" sldId="268"/>
            <ac:spMk id="3" creationId="{00000000-0000-0000-0000-000000000000}"/>
          </ac:spMkLst>
        </pc:spChg>
      </pc:sldChg>
      <pc:sldChg chg="add del">
        <pc:chgData name="Greg Gabriel" userId="cdcee299-94b5-470d-a157-fae136cdf525" providerId="ADAL" clId="{10F219AE-2C23-49BA-BB14-36C69ABAB372}" dt="2022-11-08T20:37:38.070" v="474" actId="47"/>
        <pc:sldMkLst>
          <pc:docMk/>
          <pc:sldMk cId="1771131329" sldId="269"/>
        </pc:sldMkLst>
      </pc:sldChg>
      <pc:sldChg chg="add del">
        <pc:chgData name="Greg Gabriel" userId="cdcee299-94b5-470d-a157-fae136cdf525" providerId="ADAL" clId="{10F219AE-2C23-49BA-BB14-36C69ABAB372}" dt="2022-11-08T20:37:38.070" v="474" actId="47"/>
        <pc:sldMkLst>
          <pc:docMk/>
          <pc:sldMk cId="3348667433" sldId="270"/>
        </pc:sldMkLst>
      </pc:sldChg>
      <pc:sldChg chg="add del">
        <pc:chgData name="Greg Gabriel" userId="cdcee299-94b5-470d-a157-fae136cdf525" providerId="ADAL" clId="{10F219AE-2C23-49BA-BB14-36C69ABAB372}" dt="2022-11-08T20:37:38.070" v="474" actId="47"/>
        <pc:sldMkLst>
          <pc:docMk/>
          <pc:sldMk cId="906526800" sldId="271"/>
        </pc:sldMkLst>
      </pc:sldChg>
      <pc:sldChg chg="del">
        <pc:chgData name="Greg Gabriel" userId="cdcee299-94b5-470d-a157-fae136cdf525" providerId="ADAL" clId="{10F219AE-2C23-49BA-BB14-36C69ABAB372}" dt="2022-11-07T16:45:05.357" v="64" actId="47"/>
        <pc:sldMkLst>
          <pc:docMk/>
          <pc:sldMk cId="4203933959" sldId="280"/>
        </pc:sldMkLst>
      </pc:sldChg>
      <pc:sldChg chg="modSp mod">
        <pc:chgData name="Greg Gabriel" userId="cdcee299-94b5-470d-a157-fae136cdf525" providerId="ADAL" clId="{10F219AE-2C23-49BA-BB14-36C69ABAB372}" dt="2022-11-08T20:45:04.390" v="512" actId="255"/>
        <pc:sldMkLst>
          <pc:docMk/>
          <pc:sldMk cId="2756440831" sldId="284"/>
        </pc:sldMkLst>
        <pc:spChg chg="mod">
          <ac:chgData name="Greg Gabriel" userId="cdcee299-94b5-470d-a157-fae136cdf525" providerId="ADAL" clId="{10F219AE-2C23-49BA-BB14-36C69ABAB372}" dt="2022-11-08T20:45:04.390" v="512" actId="255"/>
          <ac:spMkLst>
            <pc:docMk/>
            <pc:sldMk cId="2756440831" sldId="284"/>
            <ac:spMk id="2" creationId="{62466923-4D41-4DCD-9587-2855C0719472}"/>
          </ac:spMkLst>
        </pc:spChg>
      </pc:sldChg>
      <pc:sldChg chg="modSp mod">
        <pc:chgData name="Greg Gabriel" userId="cdcee299-94b5-470d-a157-fae136cdf525" providerId="ADAL" clId="{10F219AE-2C23-49BA-BB14-36C69ABAB372}" dt="2022-11-08T20:44:57.164" v="511" actId="255"/>
        <pc:sldMkLst>
          <pc:docMk/>
          <pc:sldMk cId="242055070" sldId="636"/>
        </pc:sldMkLst>
        <pc:spChg chg="mod">
          <ac:chgData name="Greg Gabriel" userId="cdcee299-94b5-470d-a157-fae136cdf525" providerId="ADAL" clId="{10F219AE-2C23-49BA-BB14-36C69ABAB372}" dt="2022-11-08T20:44:57.164" v="511" actId="255"/>
          <ac:spMkLst>
            <pc:docMk/>
            <pc:sldMk cId="242055070" sldId="636"/>
            <ac:spMk id="2" creationId="{62466923-4D41-4DCD-9587-2855C0719472}"/>
          </ac:spMkLst>
        </pc:spChg>
      </pc:sldChg>
      <pc:sldChg chg="modSp mod">
        <pc:chgData name="Greg Gabriel" userId="cdcee299-94b5-470d-a157-fae136cdf525" providerId="ADAL" clId="{10F219AE-2C23-49BA-BB14-36C69ABAB372}" dt="2022-11-08T20:45:26.020" v="513" actId="14100"/>
        <pc:sldMkLst>
          <pc:docMk/>
          <pc:sldMk cId="1571402745" sldId="637"/>
        </pc:sldMkLst>
        <pc:spChg chg="mod">
          <ac:chgData name="Greg Gabriel" userId="cdcee299-94b5-470d-a157-fae136cdf525" providerId="ADAL" clId="{10F219AE-2C23-49BA-BB14-36C69ABAB372}" dt="2022-11-08T20:45:26.020" v="513" actId="14100"/>
          <ac:spMkLst>
            <pc:docMk/>
            <pc:sldMk cId="1571402745" sldId="637"/>
            <ac:spMk id="2" creationId="{62466923-4D41-4DCD-9587-2855C0719472}"/>
          </ac:spMkLst>
        </pc:spChg>
      </pc:sldChg>
      <pc:sldChg chg="modSp mod">
        <pc:chgData name="Greg Gabriel" userId="cdcee299-94b5-470d-a157-fae136cdf525" providerId="ADAL" clId="{10F219AE-2C23-49BA-BB14-36C69ABAB372}" dt="2022-11-15T21:03:24.198" v="694" actId="1038"/>
        <pc:sldMkLst>
          <pc:docMk/>
          <pc:sldMk cId="3258023192" sldId="638"/>
        </pc:sldMkLst>
        <pc:spChg chg="mod">
          <ac:chgData name="Greg Gabriel" userId="cdcee299-94b5-470d-a157-fae136cdf525" providerId="ADAL" clId="{10F219AE-2C23-49BA-BB14-36C69ABAB372}" dt="2022-11-15T21:03:24.198" v="694" actId="1038"/>
          <ac:spMkLst>
            <pc:docMk/>
            <pc:sldMk cId="3258023192" sldId="638"/>
            <ac:spMk id="15" creationId="{41DBBBA5-07F9-8CAF-1A72-0251670E49A3}"/>
          </ac:spMkLst>
        </pc:spChg>
      </pc:sldChg>
      <pc:sldChg chg="modSp mod">
        <pc:chgData name="Greg Gabriel" userId="cdcee299-94b5-470d-a157-fae136cdf525" providerId="ADAL" clId="{10F219AE-2C23-49BA-BB14-36C69ABAB372}" dt="2022-11-08T20:44:45.916" v="509" actId="255"/>
        <pc:sldMkLst>
          <pc:docMk/>
          <pc:sldMk cId="4001088973" sldId="639"/>
        </pc:sldMkLst>
        <pc:spChg chg="mod">
          <ac:chgData name="Greg Gabriel" userId="cdcee299-94b5-470d-a157-fae136cdf525" providerId="ADAL" clId="{10F219AE-2C23-49BA-BB14-36C69ABAB372}" dt="2022-11-08T20:44:45.916" v="509" actId="255"/>
          <ac:spMkLst>
            <pc:docMk/>
            <pc:sldMk cId="4001088973" sldId="639"/>
            <ac:spMk id="2" creationId="{62466923-4D41-4DCD-9587-2855C0719472}"/>
          </ac:spMkLst>
        </pc:spChg>
      </pc:sldChg>
      <pc:sldChg chg="modSp mod">
        <pc:chgData name="Greg Gabriel" userId="cdcee299-94b5-470d-a157-fae136cdf525" providerId="ADAL" clId="{10F219AE-2C23-49BA-BB14-36C69ABAB372}" dt="2022-11-08T20:45:52.610" v="517" actId="1076"/>
        <pc:sldMkLst>
          <pc:docMk/>
          <pc:sldMk cId="4001938543" sldId="641"/>
        </pc:sldMkLst>
        <pc:spChg chg="mod">
          <ac:chgData name="Greg Gabriel" userId="cdcee299-94b5-470d-a157-fae136cdf525" providerId="ADAL" clId="{10F219AE-2C23-49BA-BB14-36C69ABAB372}" dt="2022-11-08T20:45:44.662" v="516" actId="14100"/>
          <ac:spMkLst>
            <pc:docMk/>
            <pc:sldMk cId="4001938543" sldId="641"/>
            <ac:spMk id="2" creationId="{62466923-4D41-4DCD-9587-2855C0719472}"/>
          </ac:spMkLst>
        </pc:spChg>
        <pc:spChg chg="mod">
          <ac:chgData name="Greg Gabriel" userId="cdcee299-94b5-470d-a157-fae136cdf525" providerId="ADAL" clId="{10F219AE-2C23-49BA-BB14-36C69ABAB372}" dt="2022-11-08T20:45:52.610" v="517" actId="1076"/>
          <ac:spMkLst>
            <pc:docMk/>
            <pc:sldMk cId="4001938543" sldId="641"/>
            <ac:spMk id="7" creationId="{6F575AE9-7967-A3A7-5D5A-D77311F86316}"/>
          </ac:spMkLst>
        </pc:spChg>
      </pc:sldChg>
      <pc:sldChg chg="modSp mod">
        <pc:chgData name="Greg Gabriel" userId="cdcee299-94b5-470d-a157-fae136cdf525" providerId="ADAL" clId="{10F219AE-2C23-49BA-BB14-36C69ABAB372}" dt="2022-11-08T20:44:30.019" v="508" actId="1076"/>
        <pc:sldMkLst>
          <pc:docMk/>
          <pc:sldMk cId="1707714390" sldId="643"/>
        </pc:sldMkLst>
        <pc:spChg chg="mod">
          <ac:chgData name="Greg Gabriel" userId="cdcee299-94b5-470d-a157-fae136cdf525" providerId="ADAL" clId="{10F219AE-2C23-49BA-BB14-36C69ABAB372}" dt="2022-11-08T20:44:26.660" v="507" actId="255"/>
          <ac:spMkLst>
            <pc:docMk/>
            <pc:sldMk cId="1707714390" sldId="643"/>
            <ac:spMk id="2" creationId="{62466923-4D41-4DCD-9587-2855C0719472}"/>
          </ac:spMkLst>
        </pc:spChg>
        <pc:picChg chg="mod">
          <ac:chgData name="Greg Gabriel" userId="cdcee299-94b5-470d-a157-fae136cdf525" providerId="ADAL" clId="{10F219AE-2C23-49BA-BB14-36C69ABAB372}" dt="2022-11-08T20:44:30.019" v="508" actId="1076"/>
          <ac:picMkLst>
            <pc:docMk/>
            <pc:sldMk cId="1707714390" sldId="643"/>
            <ac:picMk id="6" creationId="{8CC1BA0E-C1BF-9295-82BA-7B7794BD8178}"/>
          </ac:picMkLst>
        </pc:picChg>
      </pc:sldChg>
      <pc:sldChg chg="del ord">
        <pc:chgData name="Greg Gabriel" userId="cdcee299-94b5-470d-a157-fae136cdf525" providerId="ADAL" clId="{10F219AE-2C23-49BA-BB14-36C69ABAB372}" dt="2022-11-16T15:42:15.761" v="697" actId="47"/>
        <pc:sldMkLst>
          <pc:docMk/>
          <pc:sldMk cId="2899993454" sldId="645"/>
        </pc:sldMkLst>
      </pc:sldChg>
      <pc:sldChg chg="modSp mod">
        <pc:chgData name="Greg Gabriel" userId="cdcee299-94b5-470d-a157-fae136cdf525" providerId="ADAL" clId="{10F219AE-2C23-49BA-BB14-36C69ABAB372}" dt="2022-11-16T15:44:06.868" v="698" actId="12788"/>
        <pc:sldMkLst>
          <pc:docMk/>
          <pc:sldMk cId="4124980303" sldId="647"/>
        </pc:sldMkLst>
        <pc:spChg chg="mod">
          <ac:chgData name="Greg Gabriel" userId="cdcee299-94b5-470d-a157-fae136cdf525" providerId="ADAL" clId="{10F219AE-2C23-49BA-BB14-36C69ABAB372}" dt="2022-11-16T15:44:06.868" v="698" actId="12788"/>
          <ac:spMkLst>
            <pc:docMk/>
            <pc:sldMk cId="4124980303" sldId="647"/>
            <ac:spMk id="5" creationId="{574C40C1-F82E-071A-AD43-DC214A957B28}"/>
          </ac:spMkLst>
        </pc:spChg>
      </pc:sldChg>
      <pc:sldChg chg="addSp delSp modSp mod modClrScheme modShow chgLayout modNotesTx">
        <pc:chgData name="Greg Gabriel" userId="cdcee299-94b5-470d-a157-fae136cdf525" providerId="ADAL" clId="{10F219AE-2C23-49BA-BB14-36C69ABAB372}" dt="2022-11-16T15:50:15.844" v="756" actId="20577"/>
        <pc:sldMkLst>
          <pc:docMk/>
          <pc:sldMk cId="249880718" sldId="648"/>
        </pc:sldMkLst>
        <pc:spChg chg="add del mod ord">
          <ac:chgData name="Greg Gabriel" userId="cdcee299-94b5-470d-a157-fae136cdf525" providerId="ADAL" clId="{10F219AE-2C23-49BA-BB14-36C69ABAB372}" dt="2022-11-08T18:44:33.693" v="166" actId="700"/>
          <ac:spMkLst>
            <pc:docMk/>
            <pc:sldMk cId="249880718" sldId="648"/>
            <ac:spMk id="2" creationId="{379A5D20-1DB9-BD15-68C4-B4373498E3D0}"/>
          </ac:spMkLst>
        </pc:spChg>
        <pc:spChg chg="mod ord">
          <ac:chgData name="Greg Gabriel" userId="cdcee299-94b5-470d-a157-fae136cdf525" providerId="ADAL" clId="{10F219AE-2C23-49BA-BB14-36C69ABAB372}" dt="2022-11-08T18:44:33.693" v="166" actId="700"/>
          <ac:spMkLst>
            <pc:docMk/>
            <pc:sldMk cId="249880718" sldId="648"/>
            <ac:spMk id="3" creationId="{B67E1C04-7AC0-47B9-A990-11C7D1776B18}"/>
          </ac:spMkLst>
        </pc:spChg>
        <pc:spChg chg="del">
          <ac:chgData name="Greg Gabriel" userId="cdcee299-94b5-470d-a157-fae136cdf525" providerId="ADAL" clId="{10F219AE-2C23-49BA-BB14-36C69ABAB372}" dt="2022-11-15T19:49:42.161" v="580" actId="478"/>
          <ac:spMkLst>
            <pc:docMk/>
            <pc:sldMk cId="249880718" sldId="648"/>
            <ac:spMk id="4" creationId="{384EE317-B1C3-9253-6DA3-404D03299AE7}"/>
          </ac:spMkLst>
        </pc:spChg>
        <pc:spChg chg="add del mod ord">
          <ac:chgData name="Greg Gabriel" userId="cdcee299-94b5-470d-a157-fae136cdf525" providerId="ADAL" clId="{10F219AE-2C23-49BA-BB14-36C69ABAB372}" dt="2022-11-08T18:44:33.693" v="166" actId="700"/>
          <ac:spMkLst>
            <pc:docMk/>
            <pc:sldMk cId="249880718" sldId="648"/>
            <ac:spMk id="4" creationId="{D2F187D0-4857-4AB6-DF46-251DEAE0A4EE}"/>
          </ac:spMkLst>
        </pc:spChg>
        <pc:spChg chg="add del mod">
          <ac:chgData name="Greg Gabriel" userId="cdcee299-94b5-470d-a157-fae136cdf525" providerId="ADAL" clId="{10F219AE-2C23-49BA-BB14-36C69ABAB372}" dt="2022-11-16T15:46:38.022" v="716" actId="478"/>
          <ac:spMkLst>
            <pc:docMk/>
            <pc:sldMk cId="249880718" sldId="648"/>
            <ac:spMk id="4" creationId="{F726C21A-5FF3-2A24-80F6-F0B64BB8053C}"/>
          </ac:spMkLst>
        </pc:spChg>
        <pc:spChg chg="add del mod ord">
          <ac:chgData name="Greg Gabriel" userId="cdcee299-94b5-470d-a157-fae136cdf525" providerId="ADAL" clId="{10F219AE-2C23-49BA-BB14-36C69ABAB372}" dt="2022-11-16T15:50:15.844" v="756" actId="20577"/>
          <ac:spMkLst>
            <pc:docMk/>
            <pc:sldMk cId="249880718" sldId="648"/>
            <ac:spMk id="5" creationId="{AF87DDB2-917B-AE5E-30C9-C82727C7223F}"/>
          </ac:spMkLst>
        </pc:spChg>
        <pc:spChg chg="add del mod">
          <ac:chgData name="Greg Gabriel" userId="cdcee299-94b5-470d-a157-fae136cdf525" providerId="ADAL" clId="{10F219AE-2C23-49BA-BB14-36C69ABAB372}" dt="2022-11-15T19:50:53.814" v="600" actId="478"/>
          <ac:spMkLst>
            <pc:docMk/>
            <pc:sldMk cId="249880718" sldId="648"/>
            <ac:spMk id="6" creationId="{80C7E8E5-EDB6-7DB5-F6CE-80BB19E4F555}"/>
          </ac:spMkLst>
        </pc:spChg>
        <pc:spChg chg="del mod">
          <ac:chgData name="Greg Gabriel" userId="cdcee299-94b5-470d-a157-fae136cdf525" providerId="ADAL" clId="{10F219AE-2C23-49BA-BB14-36C69ABAB372}" dt="2022-11-08T18:51:24.294" v="278" actId="478"/>
          <ac:spMkLst>
            <pc:docMk/>
            <pc:sldMk cId="249880718" sldId="648"/>
            <ac:spMk id="6" creationId="{9A69DF9C-D7BF-40D4-5CBF-3AC8677C3EAC}"/>
          </ac:spMkLst>
        </pc:spChg>
        <pc:spChg chg="add del mod ord">
          <ac:chgData name="Greg Gabriel" userId="cdcee299-94b5-470d-a157-fae136cdf525" providerId="ADAL" clId="{10F219AE-2C23-49BA-BB14-36C69ABAB372}" dt="2022-11-16T15:46:46.070" v="721" actId="12"/>
          <ac:spMkLst>
            <pc:docMk/>
            <pc:sldMk cId="249880718" sldId="648"/>
            <ac:spMk id="7" creationId="{756F6699-29A3-00EB-C9E7-B4C665A2E6D1}"/>
          </ac:spMkLst>
        </pc:spChg>
      </pc:sldChg>
      <pc:sldChg chg="modSp mod delCm modCm">
        <pc:chgData name="Greg Gabriel" userId="cdcee299-94b5-470d-a157-fae136cdf525" providerId="ADAL" clId="{10F219AE-2C23-49BA-BB14-36C69ABAB372}" dt="2022-11-16T16:33:39.743" v="786" actId="20577"/>
        <pc:sldMkLst>
          <pc:docMk/>
          <pc:sldMk cId="1611420618" sldId="650"/>
        </pc:sldMkLst>
        <pc:spChg chg="mod">
          <ac:chgData name="Greg Gabriel" userId="cdcee299-94b5-470d-a157-fae136cdf525" providerId="ADAL" clId="{10F219AE-2C23-49BA-BB14-36C69ABAB372}" dt="2022-11-16T16:33:39.743" v="786" actId="20577"/>
          <ac:spMkLst>
            <pc:docMk/>
            <pc:sldMk cId="1611420618" sldId="650"/>
            <ac:spMk id="6" creationId="{DFD3E05C-B9FC-8065-1833-AA29BE49F2FE}"/>
          </ac:spMkLst>
        </pc:spChg>
      </pc:sldChg>
      <pc:sldChg chg="del">
        <pc:chgData name="Greg Gabriel" userId="cdcee299-94b5-470d-a157-fae136cdf525" providerId="ADAL" clId="{10F219AE-2C23-49BA-BB14-36C69ABAB372}" dt="2022-11-08T18:59:16.342" v="360" actId="2696"/>
        <pc:sldMkLst>
          <pc:docMk/>
          <pc:sldMk cId="3554156496" sldId="651"/>
        </pc:sldMkLst>
      </pc:sldChg>
      <pc:sldChg chg="modSp mod">
        <pc:chgData name="Greg Gabriel" userId="cdcee299-94b5-470d-a157-fae136cdf525" providerId="ADAL" clId="{10F219AE-2C23-49BA-BB14-36C69ABAB372}" dt="2022-10-26T19:32:23.193" v="2" actId="14100"/>
        <pc:sldMkLst>
          <pc:docMk/>
          <pc:sldMk cId="3225741539" sldId="652"/>
        </pc:sldMkLst>
        <pc:spChg chg="mod">
          <ac:chgData name="Greg Gabriel" userId="cdcee299-94b5-470d-a157-fae136cdf525" providerId="ADAL" clId="{10F219AE-2C23-49BA-BB14-36C69ABAB372}" dt="2022-10-26T19:32:23.193" v="2" actId="14100"/>
          <ac:spMkLst>
            <pc:docMk/>
            <pc:sldMk cId="3225741539" sldId="652"/>
            <ac:spMk id="167" creationId="{9A27474C-3A05-C951-7C30-0A65F193FC6C}"/>
          </ac:spMkLst>
        </pc:spChg>
      </pc:sldChg>
      <pc:sldChg chg="addSp delSp modSp mod">
        <pc:chgData name="Greg Gabriel" userId="cdcee299-94b5-470d-a157-fae136cdf525" providerId="ADAL" clId="{10F219AE-2C23-49BA-BB14-36C69ABAB372}" dt="2022-11-08T20:46:36.533" v="522" actId="255"/>
        <pc:sldMkLst>
          <pc:docMk/>
          <pc:sldMk cId="529784644" sldId="653"/>
        </pc:sldMkLst>
        <pc:spChg chg="mod">
          <ac:chgData name="Greg Gabriel" userId="cdcee299-94b5-470d-a157-fae136cdf525" providerId="ADAL" clId="{10F219AE-2C23-49BA-BB14-36C69ABAB372}" dt="2022-11-08T20:46:36.533" v="522" actId="255"/>
          <ac:spMkLst>
            <pc:docMk/>
            <pc:sldMk cId="529784644" sldId="653"/>
            <ac:spMk id="2" creationId="{62466923-4D41-4DCD-9587-2855C0719472}"/>
          </ac:spMkLst>
        </pc:spChg>
        <pc:picChg chg="add del">
          <ac:chgData name="Greg Gabriel" userId="cdcee299-94b5-470d-a157-fae136cdf525" providerId="ADAL" clId="{10F219AE-2C23-49BA-BB14-36C69ABAB372}" dt="2022-10-26T20:29:00.014" v="57" actId="478"/>
          <ac:picMkLst>
            <pc:docMk/>
            <pc:sldMk cId="529784644" sldId="653"/>
            <ac:picMk id="4" creationId="{DB47E845-8977-9A83-6C41-DAF1A886114A}"/>
          </ac:picMkLst>
        </pc:picChg>
        <pc:picChg chg="add mod">
          <ac:chgData name="Greg Gabriel" userId="cdcee299-94b5-470d-a157-fae136cdf525" providerId="ADAL" clId="{10F219AE-2C23-49BA-BB14-36C69ABAB372}" dt="2022-10-26T20:29:02.455" v="58" actId="1038"/>
          <ac:picMkLst>
            <pc:docMk/>
            <pc:sldMk cId="529784644" sldId="653"/>
            <ac:picMk id="6" creationId="{4E215D8B-9BC2-C993-4C8C-EB9A1A7D9650}"/>
          </ac:picMkLst>
        </pc:picChg>
      </pc:sldChg>
      <pc:sldChg chg="addSp delSp modSp mod delCm modCm">
        <pc:chgData name="Greg Gabriel" userId="cdcee299-94b5-470d-a157-fae136cdf525" providerId="ADAL" clId="{10F219AE-2C23-49BA-BB14-36C69ABAB372}" dt="2022-11-16T17:11:35.070" v="787"/>
        <pc:sldMkLst>
          <pc:docMk/>
          <pc:sldMk cId="3485489309" sldId="654"/>
        </pc:sldMkLst>
        <pc:spChg chg="mod">
          <ac:chgData name="Greg Gabriel" userId="cdcee299-94b5-470d-a157-fae136cdf525" providerId="ADAL" clId="{10F219AE-2C23-49BA-BB14-36C69ABAB372}" dt="2022-11-08T20:47:06.719" v="528" actId="1076"/>
          <ac:spMkLst>
            <pc:docMk/>
            <pc:sldMk cId="3485489309" sldId="654"/>
            <ac:spMk id="2" creationId="{62466923-4D41-4DCD-9587-2855C0719472}"/>
          </ac:spMkLst>
        </pc:spChg>
        <pc:picChg chg="add mod">
          <ac:chgData name="Greg Gabriel" userId="cdcee299-94b5-470d-a157-fae136cdf525" providerId="ADAL" clId="{10F219AE-2C23-49BA-BB14-36C69ABAB372}" dt="2022-11-15T19:48:59.800" v="579"/>
          <ac:picMkLst>
            <pc:docMk/>
            <pc:sldMk cId="3485489309" sldId="654"/>
            <ac:picMk id="4" creationId="{3937604B-37D0-8D0B-AAEC-6DFF69F38F4B}"/>
          </ac:picMkLst>
        </pc:picChg>
        <pc:picChg chg="del mod">
          <ac:chgData name="Greg Gabriel" userId="cdcee299-94b5-470d-a157-fae136cdf525" providerId="ADAL" clId="{10F219AE-2C23-49BA-BB14-36C69ABAB372}" dt="2022-11-15T19:48:58.951" v="577" actId="478"/>
          <ac:picMkLst>
            <pc:docMk/>
            <pc:sldMk cId="3485489309" sldId="654"/>
            <ac:picMk id="5" creationId="{C4BC678B-28E0-6F77-5BAA-FF9163B2236F}"/>
          </ac:picMkLst>
        </pc:picChg>
      </pc:sldChg>
      <pc:sldChg chg="modSp mod">
        <pc:chgData name="Greg Gabriel" userId="cdcee299-94b5-470d-a157-fae136cdf525" providerId="ADAL" clId="{10F219AE-2C23-49BA-BB14-36C69ABAB372}" dt="2022-11-08T20:42:38.902" v="481" actId="255"/>
        <pc:sldMkLst>
          <pc:docMk/>
          <pc:sldMk cId="1667146309" sldId="656"/>
        </pc:sldMkLst>
        <pc:spChg chg="mod">
          <ac:chgData name="Greg Gabriel" userId="cdcee299-94b5-470d-a157-fae136cdf525" providerId="ADAL" clId="{10F219AE-2C23-49BA-BB14-36C69ABAB372}" dt="2022-11-08T20:42:38.902" v="481" actId="255"/>
          <ac:spMkLst>
            <pc:docMk/>
            <pc:sldMk cId="1667146309" sldId="656"/>
            <ac:spMk id="2" creationId="{62466923-4D41-4DCD-9587-2855C0719472}"/>
          </ac:spMkLst>
        </pc:spChg>
      </pc:sldChg>
      <pc:sldChg chg="modSp mod ord modShow">
        <pc:chgData name="Greg Gabriel" userId="cdcee299-94b5-470d-a157-fae136cdf525" providerId="ADAL" clId="{10F219AE-2C23-49BA-BB14-36C69ABAB372}" dt="2022-11-16T17:30:43.713" v="798" actId="729"/>
        <pc:sldMkLst>
          <pc:docMk/>
          <pc:sldMk cId="709357709" sldId="657"/>
        </pc:sldMkLst>
        <pc:spChg chg="mod">
          <ac:chgData name="Greg Gabriel" userId="cdcee299-94b5-470d-a157-fae136cdf525" providerId="ADAL" clId="{10F219AE-2C23-49BA-BB14-36C69ABAB372}" dt="2022-11-08T20:42:48.814" v="482" actId="255"/>
          <ac:spMkLst>
            <pc:docMk/>
            <pc:sldMk cId="709357709" sldId="657"/>
            <ac:spMk id="6" creationId="{F6282CBB-EB3C-DF2A-19FF-00D496281762}"/>
          </ac:spMkLst>
        </pc:spChg>
      </pc:sldChg>
      <pc:sldChg chg="del mod modShow">
        <pc:chgData name="Greg Gabriel" userId="cdcee299-94b5-470d-a157-fae136cdf525" providerId="ADAL" clId="{10F219AE-2C23-49BA-BB14-36C69ABAB372}" dt="2022-11-16T17:19:12.562" v="793" actId="47"/>
        <pc:sldMkLst>
          <pc:docMk/>
          <pc:sldMk cId="1180061539" sldId="658"/>
        </pc:sldMkLst>
      </pc:sldChg>
      <pc:sldChg chg="del">
        <pc:chgData name="Greg Gabriel" userId="cdcee299-94b5-470d-a157-fae136cdf525" providerId="ADAL" clId="{10F219AE-2C23-49BA-BB14-36C69ABAB372}" dt="2022-11-08T19:05:30.880" v="378" actId="2696"/>
        <pc:sldMkLst>
          <pc:docMk/>
          <pc:sldMk cId="3473401028" sldId="659"/>
        </pc:sldMkLst>
      </pc:sldChg>
      <pc:sldChg chg="add">
        <pc:chgData name="Greg Gabriel" userId="cdcee299-94b5-470d-a157-fae136cdf525" providerId="ADAL" clId="{10F219AE-2C23-49BA-BB14-36C69ABAB372}" dt="2022-11-07T16:44:49.288" v="62"/>
        <pc:sldMkLst>
          <pc:docMk/>
          <pc:sldMk cId="2731012571" sldId="660"/>
        </pc:sldMkLst>
      </pc:sldChg>
      <pc:sldChg chg="modSp add del mod">
        <pc:chgData name="Greg Gabriel" userId="cdcee299-94b5-470d-a157-fae136cdf525" providerId="ADAL" clId="{10F219AE-2C23-49BA-BB14-36C69ABAB372}" dt="2022-11-08T20:37:38.070" v="474" actId="47"/>
        <pc:sldMkLst>
          <pc:docMk/>
          <pc:sldMk cId="2918059108" sldId="661"/>
        </pc:sldMkLst>
        <pc:spChg chg="mod">
          <ac:chgData name="Greg Gabriel" userId="cdcee299-94b5-470d-a157-fae136cdf525" providerId="ADAL" clId="{10F219AE-2C23-49BA-BB14-36C69ABAB372}" dt="2022-11-07T16:45:51.857" v="84" actId="20577"/>
          <ac:spMkLst>
            <pc:docMk/>
            <pc:sldMk cId="2918059108" sldId="661"/>
            <ac:spMk id="2" creationId="{E373D351-0C07-414D-B4BF-BBE5F1F83375}"/>
          </ac:spMkLst>
        </pc:spChg>
      </pc:sldChg>
      <pc:sldChg chg="add">
        <pc:chgData name="Greg Gabriel" userId="cdcee299-94b5-470d-a157-fae136cdf525" providerId="ADAL" clId="{10F219AE-2C23-49BA-BB14-36C69ABAB372}" dt="2022-11-08T19:01:54.927" v="361"/>
        <pc:sldMkLst>
          <pc:docMk/>
          <pc:sldMk cId="1068056954" sldId="662"/>
        </pc:sldMkLst>
      </pc:sldChg>
      <pc:sldChg chg="new del">
        <pc:chgData name="Greg Gabriel" userId="cdcee299-94b5-470d-a157-fae136cdf525" providerId="ADAL" clId="{10F219AE-2C23-49BA-BB14-36C69ABAB372}" dt="2022-11-08T19:09:02.398" v="380" actId="680"/>
        <pc:sldMkLst>
          <pc:docMk/>
          <pc:sldMk cId="616132099" sldId="663"/>
        </pc:sldMkLst>
      </pc:sldChg>
      <pc:sldChg chg="addSp delSp modSp new mod">
        <pc:chgData name="Greg Gabriel" userId="cdcee299-94b5-470d-a157-fae136cdf525" providerId="ADAL" clId="{10F219AE-2C23-49BA-BB14-36C69ABAB372}" dt="2022-11-08T19:21:27.093" v="473" actId="1076"/>
        <pc:sldMkLst>
          <pc:docMk/>
          <pc:sldMk cId="3839614975" sldId="663"/>
        </pc:sldMkLst>
        <pc:spChg chg="del">
          <ac:chgData name="Greg Gabriel" userId="cdcee299-94b5-470d-a157-fae136cdf525" providerId="ADAL" clId="{10F219AE-2C23-49BA-BB14-36C69ABAB372}" dt="2022-11-08T19:09:10.981" v="382" actId="478"/>
          <ac:spMkLst>
            <pc:docMk/>
            <pc:sldMk cId="3839614975" sldId="663"/>
            <ac:spMk id="2" creationId="{8AC4DC26-8F00-7217-8E3B-094BDCD519F5}"/>
          </ac:spMkLst>
        </pc:spChg>
        <pc:spChg chg="del">
          <ac:chgData name="Greg Gabriel" userId="cdcee299-94b5-470d-a157-fae136cdf525" providerId="ADAL" clId="{10F219AE-2C23-49BA-BB14-36C69ABAB372}" dt="2022-11-08T19:09:12.321" v="383" actId="478"/>
          <ac:spMkLst>
            <pc:docMk/>
            <pc:sldMk cId="3839614975" sldId="663"/>
            <ac:spMk id="3" creationId="{D5CF6B01-CD0B-7C0B-6821-1A2A653E5A7D}"/>
          </ac:spMkLst>
        </pc:spChg>
        <pc:spChg chg="add del mod">
          <ac:chgData name="Greg Gabriel" userId="cdcee299-94b5-470d-a157-fae136cdf525" providerId="ADAL" clId="{10F219AE-2C23-49BA-BB14-36C69ABAB372}" dt="2022-11-08T19:18:07.321" v="433" actId="478"/>
          <ac:spMkLst>
            <pc:docMk/>
            <pc:sldMk cId="3839614975" sldId="663"/>
            <ac:spMk id="8" creationId="{827751D4-84EA-DF66-CB5B-468A7391AC8C}"/>
          </ac:spMkLst>
        </pc:spChg>
        <pc:spChg chg="add mod">
          <ac:chgData name="Greg Gabriel" userId="cdcee299-94b5-470d-a157-fae136cdf525" providerId="ADAL" clId="{10F219AE-2C23-49BA-BB14-36C69ABAB372}" dt="2022-11-08T19:18:21.595" v="436"/>
          <ac:spMkLst>
            <pc:docMk/>
            <pc:sldMk cId="3839614975" sldId="663"/>
            <ac:spMk id="9" creationId="{79EC3211-62BC-C950-FDE7-F7DAFD39CFF9}"/>
          </ac:spMkLst>
        </pc:spChg>
        <pc:spChg chg="add del mod">
          <ac:chgData name="Greg Gabriel" userId="cdcee299-94b5-470d-a157-fae136cdf525" providerId="ADAL" clId="{10F219AE-2C23-49BA-BB14-36C69ABAB372}" dt="2022-11-08T19:19:17.339" v="448" actId="478"/>
          <ac:spMkLst>
            <pc:docMk/>
            <pc:sldMk cId="3839614975" sldId="663"/>
            <ac:spMk id="10" creationId="{BD05FE9A-4E1F-A9FF-4DE4-5F0B1A8C06B5}"/>
          </ac:spMkLst>
        </pc:spChg>
        <pc:spChg chg="add mod">
          <ac:chgData name="Greg Gabriel" userId="cdcee299-94b5-470d-a157-fae136cdf525" providerId="ADAL" clId="{10F219AE-2C23-49BA-BB14-36C69ABAB372}" dt="2022-11-08T19:21:11.254" v="469" actId="208"/>
          <ac:spMkLst>
            <pc:docMk/>
            <pc:sldMk cId="3839614975" sldId="663"/>
            <ac:spMk id="13" creationId="{9DE83684-4AEE-4A3A-83D4-CECEBAA5D4DC}"/>
          </ac:spMkLst>
        </pc:spChg>
        <pc:spChg chg="add mod">
          <ac:chgData name="Greg Gabriel" userId="cdcee299-94b5-470d-a157-fae136cdf525" providerId="ADAL" clId="{10F219AE-2C23-49BA-BB14-36C69ABAB372}" dt="2022-11-08T19:21:21.103" v="472" actId="14100"/>
          <ac:spMkLst>
            <pc:docMk/>
            <pc:sldMk cId="3839614975" sldId="663"/>
            <ac:spMk id="14" creationId="{754834EA-FC1C-437B-52A5-7395BF752642}"/>
          </ac:spMkLst>
        </pc:spChg>
        <pc:picChg chg="add mod">
          <ac:chgData name="Greg Gabriel" userId="cdcee299-94b5-470d-a157-fae136cdf525" providerId="ADAL" clId="{10F219AE-2C23-49BA-BB14-36C69ABAB372}" dt="2022-11-08T19:19:10.241" v="446" actId="1035"/>
          <ac:picMkLst>
            <pc:docMk/>
            <pc:sldMk cId="3839614975" sldId="663"/>
            <ac:picMk id="5" creationId="{B80E1870-600E-2D65-4F49-705780E684E4}"/>
          </ac:picMkLst>
        </pc:picChg>
        <pc:picChg chg="add del mod">
          <ac:chgData name="Greg Gabriel" userId="cdcee299-94b5-470d-a157-fae136cdf525" providerId="ADAL" clId="{10F219AE-2C23-49BA-BB14-36C69ABAB372}" dt="2022-11-08T19:18:08.114" v="434" actId="478"/>
          <ac:picMkLst>
            <pc:docMk/>
            <pc:sldMk cId="3839614975" sldId="663"/>
            <ac:picMk id="6" creationId="{78274E40-6B61-E696-4C43-2F5BB12C24B6}"/>
          </ac:picMkLst>
        </pc:picChg>
        <pc:picChg chg="add del mod modCrop">
          <ac:chgData name="Greg Gabriel" userId="cdcee299-94b5-470d-a157-fae136cdf525" providerId="ADAL" clId="{10F219AE-2C23-49BA-BB14-36C69ABAB372}" dt="2022-11-08T19:18:14.002" v="435" actId="478"/>
          <ac:picMkLst>
            <pc:docMk/>
            <pc:sldMk cId="3839614975" sldId="663"/>
            <ac:picMk id="7" creationId="{E45011D2-C454-8577-FBB0-4CD0E1FA0DDB}"/>
          </ac:picMkLst>
        </pc:picChg>
        <pc:picChg chg="add mod modCrop">
          <ac:chgData name="Greg Gabriel" userId="cdcee299-94b5-470d-a157-fae136cdf525" providerId="ADAL" clId="{10F219AE-2C23-49BA-BB14-36C69ABAB372}" dt="2022-11-08T19:21:27.093" v="473" actId="1076"/>
          <ac:picMkLst>
            <pc:docMk/>
            <pc:sldMk cId="3839614975" sldId="663"/>
            <ac:picMk id="11" creationId="{174B7926-20B1-17A3-68D6-BF13836549EF}"/>
          </ac:picMkLst>
        </pc:picChg>
        <pc:picChg chg="add mod">
          <ac:chgData name="Greg Gabriel" userId="cdcee299-94b5-470d-a157-fae136cdf525" providerId="ADAL" clId="{10F219AE-2C23-49BA-BB14-36C69ABAB372}" dt="2022-11-08T19:21:05.496" v="468" actId="1076"/>
          <ac:picMkLst>
            <pc:docMk/>
            <pc:sldMk cId="3839614975" sldId="663"/>
            <ac:picMk id="12" creationId="{0DDE1A7D-5007-97CB-436D-E60B15AE6174}"/>
          </ac:picMkLst>
        </pc:picChg>
      </pc:sldChg>
      <pc:sldChg chg="mod modShow">
        <pc:chgData name="Greg Gabriel" userId="cdcee299-94b5-470d-a157-fae136cdf525" providerId="ADAL" clId="{10F219AE-2C23-49BA-BB14-36C69ABAB372}" dt="2022-11-16T17:23:16.725" v="796" actId="729"/>
        <pc:sldMkLst>
          <pc:docMk/>
          <pc:sldMk cId="4226183675" sldId="665"/>
        </pc:sldMkLst>
      </pc:sldChg>
      <pc:sldChg chg="addSp delSp modSp mod ord delCm modCm">
        <pc:chgData name="Greg Gabriel" userId="cdcee299-94b5-470d-a157-fae136cdf525" providerId="ADAL" clId="{10F219AE-2C23-49BA-BB14-36C69ABAB372}" dt="2022-11-16T15:49:32.019" v="754"/>
        <pc:sldMkLst>
          <pc:docMk/>
          <pc:sldMk cId="821480820" sldId="666"/>
        </pc:sldMkLst>
        <pc:spChg chg="add del mod">
          <ac:chgData name="Greg Gabriel" userId="cdcee299-94b5-470d-a157-fae136cdf525" providerId="ADAL" clId="{10F219AE-2C23-49BA-BB14-36C69ABAB372}" dt="2022-11-15T19:48:09.542" v="543" actId="478"/>
          <ac:spMkLst>
            <pc:docMk/>
            <pc:sldMk cId="821480820" sldId="666"/>
            <ac:spMk id="4" creationId="{6AD9F180-2AC6-4536-A4A4-05F3ED3D47DD}"/>
          </ac:spMkLst>
        </pc:spChg>
        <pc:spChg chg="mod">
          <ac:chgData name="Greg Gabriel" userId="cdcee299-94b5-470d-a157-fae136cdf525" providerId="ADAL" clId="{10F219AE-2C23-49BA-BB14-36C69ABAB372}" dt="2022-11-15T19:48:27.053" v="566" actId="1035"/>
          <ac:spMkLst>
            <pc:docMk/>
            <pc:sldMk cId="821480820" sldId="666"/>
            <ac:spMk id="5" creationId="{AF87DDB2-917B-AE5E-30C9-C82727C7223F}"/>
          </ac:spMkLst>
        </pc:spChg>
        <pc:spChg chg="del">
          <ac:chgData name="Greg Gabriel" userId="cdcee299-94b5-470d-a157-fae136cdf525" providerId="ADAL" clId="{10F219AE-2C23-49BA-BB14-36C69ABAB372}" dt="2022-11-15T19:48:08.017" v="541" actId="478"/>
          <ac:spMkLst>
            <pc:docMk/>
            <pc:sldMk cId="821480820" sldId="666"/>
            <ac:spMk id="6" creationId="{549A9298-6B9C-6A67-A578-3181481138D6}"/>
          </ac:spMkLst>
        </pc:spChg>
        <pc:picChg chg="add mod">
          <ac:chgData name="Greg Gabriel" userId="cdcee299-94b5-470d-a157-fae136cdf525" providerId="ADAL" clId="{10F219AE-2C23-49BA-BB14-36C69ABAB372}" dt="2022-11-15T19:48:29.618" v="576" actId="1035"/>
          <ac:picMkLst>
            <pc:docMk/>
            <pc:sldMk cId="821480820" sldId="666"/>
            <ac:picMk id="7" creationId="{A35DCE68-C18E-992E-A9AB-F004C39C62E9}"/>
          </ac:picMkLst>
        </pc:picChg>
      </pc:sldChg>
      <pc:sldChg chg="add modNotesTx">
        <pc:chgData name="Greg Gabriel" userId="cdcee299-94b5-470d-a157-fae136cdf525" providerId="ADAL" clId="{10F219AE-2C23-49BA-BB14-36C69ABAB372}" dt="2022-11-16T15:42:09.923" v="696" actId="6549"/>
        <pc:sldMkLst>
          <pc:docMk/>
          <pc:sldMk cId="3855417415" sldId="667"/>
        </pc:sldMkLst>
      </pc:sldChg>
      <pc:sldChg chg="add mod ord modShow">
        <pc:chgData name="Greg Gabriel" userId="cdcee299-94b5-470d-a157-fae136cdf525" providerId="ADAL" clId="{10F219AE-2C23-49BA-BB14-36C69ABAB372}" dt="2022-11-16T17:20:33.071" v="794" actId="729"/>
        <pc:sldMkLst>
          <pc:docMk/>
          <pc:sldMk cId="123725440" sldId="668"/>
        </pc:sldMkLst>
      </pc:sldChg>
      <pc:sldMasterChg chg="delSldLayout">
        <pc:chgData name="Greg Gabriel" userId="cdcee299-94b5-470d-a157-fae136cdf525" providerId="ADAL" clId="{10F219AE-2C23-49BA-BB14-36C69ABAB372}" dt="2022-11-08T20:37:38.070" v="474" actId="47"/>
        <pc:sldMasterMkLst>
          <pc:docMk/>
          <pc:sldMasterMk cId="4287028849" sldId="2147483648"/>
        </pc:sldMasterMkLst>
        <pc:sldLayoutChg chg="del">
          <pc:chgData name="Greg Gabriel" userId="cdcee299-94b5-470d-a157-fae136cdf525" providerId="ADAL" clId="{10F219AE-2C23-49BA-BB14-36C69ABAB372}" dt="2022-11-08T20:37:38.070" v="474" actId="47"/>
          <pc:sldLayoutMkLst>
            <pc:docMk/>
            <pc:sldMasterMk cId="4287028849" sldId="2147483648"/>
            <pc:sldLayoutMk cId="3137900134" sldId="2147483674"/>
          </pc:sldLayoutMkLst>
        </pc:sldLayoutChg>
        <pc:sldLayoutChg chg="del">
          <pc:chgData name="Greg Gabriel" userId="cdcee299-94b5-470d-a157-fae136cdf525" providerId="ADAL" clId="{10F219AE-2C23-49BA-BB14-36C69ABAB372}" dt="2022-11-08T20:37:38.070" v="474" actId="47"/>
          <pc:sldLayoutMkLst>
            <pc:docMk/>
            <pc:sldMasterMk cId="4287028849" sldId="2147483648"/>
            <pc:sldLayoutMk cId="2042264150" sldId="2147483675"/>
          </pc:sldLayoutMkLst>
        </pc:sldLayoutChg>
      </pc:sldMasterChg>
    </pc:docChg>
  </pc:docChgLst>
  <pc:docChgLst>
    <pc:chgData name="Amanda Williams" userId="61f8c09a-035c-44fe-b6a3-de640d11dc15" providerId="ADAL" clId="{AB43053D-3146-43C9-8EFE-6E74F597A9AB}"/>
    <pc:docChg chg="undo custSel addSld modSld sldOrd">
      <pc:chgData name="Amanda Williams" userId="61f8c09a-035c-44fe-b6a3-de640d11dc15" providerId="ADAL" clId="{AB43053D-3146-43C9-8EFE-6E74F597A9AB}" dt="2022-11-08T20:41:59.358" v="236" actId="20577"/>
      <pc:docMkLst>
        <pc:docMk/>
      </pc:docMkLst>
      <pc:sldChg chg="ord">
        <pc:chgData name="Amanda Williams" userId="61f8c09a-035c-44fe-b6a3-de640d11dc15" providerId="ADAL" clId="{AB43053D-3146-43C9-8EFE-6E74F597A9AB}" dt="2022-11-08T20:38:42.185" v="115"/>
        <pc:sldMkLst>
          <pc:docMk/>
          <pc:sldMk cId="3318354239" sldId="268"/>
        </pc:sldMkLst>
      </pc:sldChg>
      <pc:sldChg chg="modSp mod">
        <pc:chgData name="Amanda Williams" userId="61f8c09a-035c-44fe-b6a3-de640d11dc15" providerId="ADAL" clId="{AB43053D-3146-43C9-8EFE-6E74F597A9AB}" dt="2022-11-08T20:39:45.242" v="134" actId="313"/>
        <pc:sldMkLst>
          <pc:docMk/>
          <pc:sldMk cId="249880718" sldId="648"/>
        </pc:sldMkLst>
        <pc:spChg chg="mod">
          <ac:chgData name="Amanda Williams" userId="61f8c09a-035c-44fe-b6a3-de640d11dc15" providerId="ADAL" clId="{AB43053D-3146-43C9-8EFE-6E74F597A9AB}" dt="2022-11-08T20:39:29.742" v="129" actId="27636"/>
          <ac:spMkLst>
            <pc:docMk/>
            <pc:sldMk cId="249880718" sldId="648"/>
            <ac:spMk id="5" creationId="{AF87DDB2-917B-AE5E-30C9-C82727C7223F}"/>
          </ac:spMkLst>
        </pc:spChg>
        <pc:spChg chg="mod">
          <ac:chgData name="Amanda Williams" userId="61f8c09a-035c-44fe-b6a3-de640d11dc15" providerId="ADAL" clId="{AB43053D-3146-43C9-8EFE-6E74F597A9AB}" dt="2022-11-08T20:39:45.242" v="134" actId="313"/>
          <ac:spMkLst>
            <pc:docMk/>
            <pc:sldMk cId="249880718" sldId="648"/>
            <ac:spMk id="7" creationId="{756F6699-29A3-00EB-C9E7-B4C665A2E6D1}"/>
          </ac:spMkLst>
        </pc:spChg>
      </pc:sldChg>
      <pc:sldChg chg="modSp add mod">
        <pc:chgData name="Amanda Williams" userId="61f8c09a-035c-44fe-b6a3-de640d11dc15" providerId="ADAL" clId="{AB43053D-3146-43C9-8EFE-6E74F597A9AB}" dt="2022-11-07T16:17:51.091" v="113" actId="20577"/>
        <pc:sldMkLst>
          <pc:docMk/>
          <pc:sldMk cId="3473401028" sldId="659"/>
        </pc:sldMkLst>
        <pc:spChg chg="mod">
          <ac:chgData name="Amanda Williams" userId="61f8c09a-035c-44fe-b6a3-de640d11dc15" providerId="ADAL" clId="{AB43053D-3146-43C9-8EFE-6E74F597A9AB}" dt="2022-11-07T16:14:48.235" v="7" actId="20577"/>
          <ac:spMkLst>
            <pc:docMk/>
            <pc:sldMk cId="3473401028" sldId="659"/>
            <ac:spMk id="3" creationId="{B67E1C04-7AC0-47B9-A990-11C7D1776B18}"/>
          </ac:spMkLst>
        </pc:spChg>
        <pc:spChg chg="mod">
          <ac:chgData name="Amanda Williams" userId="61f8c09a-035c-44fe-b6a3-de640d11dc15" providerId="ADAL" clId="{AB43053D-3146-43C9-8EFE-6E74F597A9AB}" dt="2022-11-07T16:17:51.091" v="113" actId="20577"/>
          <ac:spMkLst>
            <pc:docMk/>
            <pc:sldMk cId="3473401028" sldId="659"/>
            <ac:spMk id="6" creationId="{F6282CBB-EB3C-DF2A-19FF-00D496281762}"/>
          </ac:spMkLst>
        </pc:spChg>
      </pc:sldChg>
      <pc:sldChg chg="addSp delSp modSp mod modNotesTx">
        <pc:chgData name="Amanda Williams" userId="61f8c09a-035c-44fe-b6a3-de640d11dc15" providerId="ADAL" clId="{AB43053D-3146-43C9-8EFE-6E74F597A9AB}" dt="2022-11-08T20:41:59.358" v="236" actId="20577"/>
        <pc:sldMkLst>
          <pc:docMk/>
          <pc:sldMk cId="3839614975" sldId="663"/>
        </pc:sldMkLst>
        <pc:spChg chg="mod topLvl">
          <ac:chgData name="Amanda Williams" userId="61f8c09a-035c-44fe-b6a3-de640d11dc15" providerId="ADAL" clId="{AB43053D-3146-43C9-8EFE-6E74F597A9AB}" dt="2022-11-08T20:40:50.543" v="138" actId="12788"/>
          <ac:spMkLst>
            <pc:docMk/>
            <pc:sldMk cId="3839614975" sldId="663"/>
            <ac:spMk id="13" creationId="{9DE83684-4AEE-4A3A-83D4-CECEBAA5D4DC}"/>
          </ac:spMkLst>
        </pc:spChg>
        <pc:spChg chg="mod topLvl">
          <ac:chgData name="Amanda Williams" userId="61f8c09a-035c-44fe-b6a3-de640d11dc15" providerId="ADAL" clId="{AB43053D-3146-43C9-8EFE-6E74F597A9AB}" dt="2022-11-08T20:40:41.126" v="137" actId="12788"/>
          <ac:spMkLst>
            <pc:docMk/>
            <pc:sldMk cId="3839614975" sldId="663"/>
            <ac:spMk id="14" creationId="{754834EA-FC1C-437B-52A5-7395BF752642}"/>
          </ac:spMkLst>
        </pc:spChg>
        <pc:grpChg chg="add del mod">
          <ac:chgData name="Amanda Williams" userId="61f8c09a-035c-44fe-b6a3-de640d11dc15" providerId="ADAL" clId="{AB43053D-3146-43C9-8EFE-6E74F597A9AB}" dt="2022-11-08T20:40:21.983" v="135" actId="165"/>
          <ac:grpSpMkLst>
            <pc:docMk/>
            <pc:sldMk cId="3839614975" sldId="663"/>
            <ac:grpSpMk id="2" creationId="{5F7D76E9-5F9E-4432-3831-D84D82CA4CA5}"/>
          </ac:grpSpMkLst>
        </pc:grpChg>
        <pc:picChg chg="mod topLvl">
          <ac:chgData name="Amanda Williams" userId="61f8c09a-035c-44fe-b6a3-de640d11dc15" providerId="ADAL" clId="{AB43053D-3146-43C9-8EFE-6E74F597A9AB}" dt="2022-11-08T20:40:21.983" v="135" actId="165"/>
          <ac:picMkLst>
            <pc:docMk/>
            <pc:sldMk cId="3839614975" sldId="663"/>
            <ac:picMk id="5" creationId="{B80E1870-600E-2D65-4F49-705780E684E4}"/>
          </ac:picMkLst>
        </pc:picChg>
        <pc:picChg chg="mod topLvl">
          <ac:chgData name="Amanda Williams" userId="61f8c09a-035c-44fe-b6a3-de640d11dc15" providerId="ADAL" clId="{AB43053D-3146-43C9-8EFE-6E74F597A9AB}" dt="2022-11-08T20:40:41.126" v="137" actId="12788"/>
          <ac:picMkLst>
            <pc:docMk/>
            <pc:sldMk cId="3839614975" sldId="663"/>
            <ac:picMk id="11" creationId="{174B7926-20B1-17A3-68D6-BF13836549EF}"/>
          </ac:picMkLst>
        </pc:picChg>
        <pc:picChg chg="mod topLvl">
          <ac:chgData name="Amanda Williams" userId="61f8c09a-035c-44fe-b6a3-de640d11dc15" providerId="ADAL" clId="{AB43053D-3146-43C9-8EFE-6E74F597A9AB}" dt="2022-11-08T20:40:50.543" v="138" actId="12788"/>
          <ac:picMkLst>
            <pc:docMk/>
            <pc:sldMk cId="3839614975" sldId="663"/>
            <ac:picMk id="12" creationId="{0DDE1A7D-5007-97CB-436D-E60B15AE6174}"/>
          </ac:picMkLst>
        </pc:picChg>
      </pc:sldChg>
    </pc:docChg>
  </pc:docChgLst>
  <pc:docChgLst>
    <pc:chgData name="Valentina Facuse" userId="8ac073aa-7feb-47c3-9cf3-f4c37dd140ee" providerId="ADAL" clId="{ED9F5D72-68D0-4376-8FF2-DA0E4D9107A9}"/>
    <pc:docChg chg="custSel modSld">
      <pc:chgData name="Valentina Facuse" userId="8ac073aa-7feb-47c3-9cf3-f4c37dd140ee" providerId="ADAL" clId="{ED9F5D72-68D0-4376-8FF2-DA0E4D9107A9}" dt="2022-08-03T11:51:48.168" v="57" actId="20577"/>
      <pc:docMkLst>
        <pc:docMk/>
      </pc:docMkLst>
      <pc:sldChg chg="addSp delSp modSp mod">
        <pc:chgData name="Valentina Facuse" userId="8ac073aa-7feb-47c3-9cf3-f4c37dd140ee" providerId="ADAL" clId="{ED9F5D72-68D0-4376-8FF2-DA0E4D9107A9}" dt="2022-08-03T11:51:48.168" v="57" actId="20577"/>
        <pc:sldMkLst>
          <pc:docMk/>
          <pc:sldMk cId="3225741539" sldId="652"/>
        </pc:sldMkLst>
        <pc:spChg chg="mod">
          <ac:chgData name="Valentina Facuse" userId="8ac073aa-7feb-47c3-9cf3-f4c37dd140ee" providerId="ADAL" clId="{ED9F5D72-68D0-4376-8FF2-DA0E4D9107A9}" dt="2022-08-03T11:51:28.493" v="48" actId="1076"/>
          <ac:spMkLst>
            <pc:docMk/>
            <pc:sldMk cId="3225741539" sldId="652"/>
            <ac:spMk id="94" creationId="{28853218-B8F0-13D6-055F-6E1BDD326516}"/>
          </ac:spMkLst>
        </pc:spChg>
        <pc:spChg chg="mod">
          <ac:chgData name="Valentina Facuse" userId="8ac073aa-7feb-47c3-9cf3-f4c37dd140ee" providerId="ADAL" clId="{ED9F5D72-68D0-4376-8FF2-DA0E4D9107A9}" dt="2022-08-03T11:51:28.493" v="48" actId="1076"/>
          <ac:spMkLst>
            <pc:docMk/>
            <pc:sldMk cId="3225741539" sldId="652"/>
            <ac:spMk id="95" creationId="{1FF86D79-A2C4-125F-146F-8629BDC14BFC}"/>
          </ac:spMkLst>
        </pc:spChg>
        <pc:spChg chg="mod">
          <ac:chgData name="Valentina Facuse" userId="8ac073aa-7feb-47c3-9cf3-f4c37dd140ee" providerId="ADAL" clId="{ED9F5D72-68D0-4376-8FF2-DA0E4D9107A9}" dt="2022-08-03T11:51:28.493" v="48" actId="1076"/>
          <ac:spMkLst>
            <pc:docMk/>
            <pc:sldMk cId="3225741539" sldId="652"/>
            <ac:spMk id="96" creationId="{75630E6D-76A9-8D26-0D43-227406416726}"/>
          </ac:spMkLst>
        </pc:spChg>
        <pc:spChg chg="mod">
          <ac:chgData name="Valentina Facuse" userId="8ac073aa-7feb-47c3-9cf3-f4c37dd140ee" providerId="ADAL" clId="{ED9F5D72-68D0-4376-8FF2-DA0E4D9107A9}" dt="2022-08-03T11:51:28.493" v="48" actId="1076"/>
          <ac:spMkLst>
            <pc:docMk/>
            <pc:sldMk cId="3225741539" sldId="652"/>
            <ac:spMk id="98" creationId="{7A2FEF2F-037B-699D-A0E1-266D5ECE5A1C}"/>
          </ac:spMkLst>
        </pc:spChg>
        <pc:spChg chg="mod">
          <ac:chgData name="Valentina Facuse" userId="8ac073aa-7feb-47c3-9cf3-f4c37dd140ee" providerId="ADAL" clId="{ED9F5D72-68D0-4376-8FF2-DA0E4D9107A9}" dt="2022-08-03T11:51:28.493" v="48" actId="1076"/>
          <ac:spMkLst>
            <pc:docMk/>
            <pc:sldMk cId="3225741539" sldId="652"/>
            <ac:spMk id="100" creationId="{9A93BC55-8648-284B-5CA2-7B19FE70A841}"/>
          </ac:spMkLst>
        </pc:spChg>
        <pc:spChg chg="mod">
          <ac:chgData name="Valentina Facuse" userId="8ac073aa-7feb-47c3-9cf3-f4c37dd140ee" providerId="ADAL" clId="{ED9F5D72-68D0-4376-8FF2-DA0E4D9107A9}" dt="2022-08-03T11:51:28.493" v="48" actId="1076"/>
          <ac:spMkLst>
            <pc:docMk/>
            <pc:sldMk cId="3225741539" sldId="652"/>
            <ac:spMk id="102" creationId="{05539058-26B9-39DD-8A7A-DD5065D21CC8}"/>
          </ac:spMkLst>
        </pc:spChg>
        <pc:spChg chg="mod">
          <ac:chgData name="Valentina Facuse" userId="8ac073aa-7feb-47c3-9cf3-f4c37dd140ee" providerId="ADAL" clId="{ED9F5D72-68D0-4376-8FF2-DA0E4D9107A9}" dt="2022-08-03T11:51:28.493" v="48" actId="1076"/>
          <ac:spMkLst>
            <pc:docMk/>
            <pc:sldMk cId="3225741539" sldId="652"/>
            <ac:spMk id="104" creationId="{0537718B-FBCB-8527-028A-2B94A7073937}"/>
          </ac:spMkLst>
        </pc:spChg>
        <pc:spChg chg="mod">
          <ac:chgData name="Valentina Facuse" userId="8ac073aa-7feb-47c3-9cf3-f4c37dd140ee" providerId="ADAL" clId="{ED9F5D72-68D0-4376-8FF2-DA0E4D9107A9}" dt="2022-08-03T11:51:28.493" v="48" actId="1076"/>
          <ac:spMkLst>
            <pc:docMk/>
            <pc:sldMk cId="3225741539" sldId="652"/>
            <ac:spMk id="106" creationId="{AB3BF13C-BDE6-3BAE-E3A8-D4B97142683B}"/>
          </ac:spMkLst>
        </pc:spChg>
        <pc:spChg chg="mod">
          <ac:chgData name="Valentina Facuse" userId="8ac073aa-7feb-47c3-9cf3-f4c37dd140ee" providerId="ADAL" clId="{ED9F5D72-68D0-4376-8FF2-DA0E4D9107A9}" dt="2022-08-03T11:51:28.493" v="48" actId="1076"/>
          <ac:spMkLst>
            <pc:docMk/>
            <pc:sldMk cId="3225741539" sldId="652"/>
            <ac:spMk id="108" creationId="{499CA7AE-F092-91B1-368A-A1C85127262D}"/>
          </ac:spMkLst>
        </pc:spChg>
        <pc:spChg chg="mod">
          <ac:chgData name="Valentina Facuse" userId="8ac073aa-7feb-47c3-9cf3-f4c37dd140ee" providerId="ADAL" clId="{ED9F5D72-68D0-4376-8FF2-DA0E4D9107A9}" dt="2022-08-03T11:51:28.493" v="48" actId="1076"/>
          <ac:spMkLst>
            <pc:docMk/>
            <pc:sldMk cId="3225741539" sldId="652"/>
            <ac:spMk id="110" creationId="{88121CFA-F9F1-AA10-B7E1-C0B6815EFC07}"/>
          </ac:spMkLst>
        </pc:spChg>
        <pc:spChg chg="mod">
          <ac:chgData name="Valentina Facuse" userId="8ac073aa-7feb-47c3-9cf3-f4c37dd140ee" providerId="ADAL" clId="{ED9F5D72-68D0-4376-8FF2-DA0E4D9107A9}" dt="2022-08-03T11:51:28.493" v="48" actId="1076"/>
          <ac:spMkLst>
            <pc:docMk/>
            <pc:sldMk cId="3225741539" sldId="652"/>
            <ac:spMk id="112" creationId="{791FDD29-98A5-ECCA-94B8-0F9AB95C2983}"/>
          </ac:spMkLst>
        </pc:spChg>
        <pc:spChg chg="mod">
          <ac:chgData name="Valentina Facuse" userId="8ac073aa-7feb-47c3-9cf3-f4c37dd140ee" providerId="ADAL" clId="{ED9F5D72-68D0-4376-8FF2-DA0E4D9107A9}" dt="2022-08-03T11:51:28.493" v="48" actId="1076"/>
          <ac:spMkLst>
            <pc:docMk/>
            <pc:sldMk cId="3225741539" sldId="652"/>
            <ac:spMk id="114" creationId="{9C64DD92-0F1D-7A0E-EB85-4B749D4C3FD4}"/>
          </ac:spMkLst>
        </pc:spChg>
        <pc:spChg chg="mod">
          <ac:chgData name="Valentina Facuse" userId="8ac073aa-7feb-47c3-9cf3-f4c37dd140ee" providerId="ADAL" clId="{ED9F5D72-68D0-4376-8FF2-DA0E4D9107A9}" dt="2022-08-03T11:51:28.493" v="48" actId="1076"/>
          <ac:spMkLst>
            <pc:docMk/>
            <pc:sldMk cId="3225741539" sldId="652"/>
            <ac:spMk id="116" creationId="{D975B9AA-D494-2DEB-6F83-1FFFDD73D67D}"/>
          </ac:spMkLst>
        </pc:spChg>
        <pc:spChg chg="mod">
          <ac:chgData name="Valentina Facuse" userId="8ac073aa-7feb-47c3-9cf3-f4c37dd140ee" providerId="ADAL" clId="{ED9F5D72-68D0-4376-8FF2-DA0E4D9107A9}" dt="2022-08-03T11:51:28.493" v="48" actId="1076"/>
          <ac:spMkLst>
            <pc:docMk/>
            <pc:sldMk cId="3225741539" sldId="652"/>
            <ac:spMk id="118" creationId="{51FBD6AC-5B93-F54F-E8A9-739E56585719}"/>
          </ac:spMkLst>
        </pc:spChg>
        <pc:spChg chg="mod">
          <ac:chgData name="Valentina Facuse" userId="8ac073aa-7feb-47c3-9cf3-f4c37dd140ee" providerId="ADAL" clId="{ED9F5D72-68D0-4376-8FF2-DA0E4D9107A9}" dt="2022-08-03T11:51:28.493" v="48" actId="1076"/>
          <ac:spMkLst>
            <pc:docMk/>
            <pc:sldMk cId="3225741539" sldId="652"/>
            <ac:spMk id="119" creationId="{6823CD81-5F71-3912-DCD7-94DB91FC48A6}"/>
          </ac:spMkLst>
        </pc:spChg>
        <pc:spChg chg="mod">
          <ac:chgData name="Valentina Facuse" userId="8ac073aa-7feb-47c3-9cf3-f4c37dd140ee" providerId="ADAL" clId="{ED9F5D72-68D0-4376-8FF2-DA0E4D9107A9}" dt="2022-08-03T11:51:28.493" v="48" actId="1076"/>
          <ac:spMkLst>
            <pc:docMk/>
            <pc:sldMk cId="3225741539" sldId="652"/>
            <ac:spMk id="120" creationId="{A059720C-CB03-877B-F6AA-82B2225F08F6}"/>
          </ac:spMkLst>
        </pc:spChg>
        <pc:spChg chg="mod">
          <ac:chgData name="Valentina Facuse" userId="8ac073aa-7feb-47c3-9cf3-f4c37dd140ee" providerId="ADAL" clId="{ED9F5D72-68D0-4376-8FF2-DA0E4D9107A9}" dt="2022-08-03T11:51:28.493" v="48" actId="1076"/>
          <ac:spMkLst>
            <pc:docMk/>
            <pc:sldMk cId="3225741539" sldId="652"/>
            <ac:spMk id="121" creationId="{0ADD8025-4F03-A72F-2449-D75F844B62DF}"/>
          </ac:spMkLst>
        </pc:spChg>
        <pc:spChg chg="mod">
          <ac:chgData name="Valentina Facuse" userId="8ac073aa-7feb-47c3-9cf3-f4c37dd140ee" providerId="ADAL" clId="{ED9F5D72-68D0-4376-8FF2-DA0E4D9107A9}" dt="2022-08-03T11:51:48.168" v="57" actId="20577"/>
          <ac:spMkLst>
            <pc:docMk/>
            <pc:sldMk cId="3225741539" sldId="652"/>
            <ac:spMk id="122" creationId="{C55B0730-D815-7F84-3FA7-3D61AB7DB00A}"/>
          </ac:spMkLst>
        </pc:spChg>
        <pc:spChg chg="mod">
          <ac:chgData name="Valentina Facuse" userId="8ac073aa-7feb-47c3-9cf3-f4c37dd140ee" providerId="ADAL" clId="{ED9F5D72-68D0-4376-8FF2-DA0E4D9107A9}" dt="2022-08-03T11:51:28.493" v="48" actId="1076"/>
          <ac:spMkLst>
            <pc:docMk/>
            <pc:sldMk cId="3225741539" sldId="652"/>
            <ac:spMk id="123" creationId="{D93D7536-34D0-CBB5-6176-65F487C22D12}"/>
          </ac:spMkLst>
        </pc:spChg>
        <pc:spChg chg="mod">
          <ac:chgData name="Valentina Facuse" userId="8ac073aa-7feb-47c3-9cf3-f4c37dd140ee" providerId="ADAL" clId="{ED9F5D72-68D0-4376-8FF2-DA0E4D9107A9}" dt="2022-08-03T11:51:28.493" v="48" actId="1076"/>
          <ac:spMkLst>
            <pc:docMk/>
            <pc:sldMk cId="3225741539" sldId="652"/>
            <ac:spMk id="124" creationId="{323E1D15-9A44-F215-AB8F-2830E1748D49}"/>
          </ac:spMkLst>
        </pc:spChg>
        <pc:spChg chg="mod">
          <ac:chgData name="Valentina Facuse" userId="8ac073aa-7feb-47c3-9cf3-f4c37dd140ee" providerId="ADAL" clId="{ED9F5D72-68D0-4376-8FF2-DA0E4D9107A9}" dt="2022-08-03T11:51:28.493" v="48" actId="1076"/>
          <ac:spMkLst>
            <pc:docMk/>
            <pc:sldMk cId="3225741539" sldId="652"/>
            <ac:spMk id="125" creationId="{B5478DBC-8BE5-A88F-8E60-A8847FA33032}"/>
          </ac:spMkLst>
        </pc:spChg>
        <pc:spChg chg="mod">
          <ac:chgData name="Valentina Facuse" userId="8ac073aa-7feb-47c3-9cf3-f4c37dd140ee" providerId="ADAL" clId="{ED9F5D72-68D0-4376-8FF2-DA0E4D9107A9}" dt="2022-08-03T11:51:28.493" v="48" actId="1076"/>
          <ac:spMkLst>
            <pc:docMk/>
            <pc:sldMk cId="3225741539" sldId="652"/>
            <ac:spMk id="126" creationId="{90F20286-EA94-5201-BD56-0D5CEE0CDC0B}"/>
          </ac:spMkLst>
        </pc:spChg>
        <pc:spChg chg="mod">
          <ac:chgData name="Valentina Facuse" userId="8ac073aa-7feb-47c3-9cf3-f4c37dd140ee" providerId="ADAL" clId="{ED9F5D72-68D0-4376-8FF2-DA0E4D9107A9}" dt="2022-08-03T11:51:28.493" v="48" actId="1076"/>
          <ac:spMkLst>
            <pc:docMk/>
            <pc:sldMk cId="3225741539" sldId="652"/>
            <ac:spMk id="127" creationId="{C6A6A744-7BAA-DFDC-DCD4-72C64D45F5E9}"/>
          </ac:spMkLst>
        </pc:spChg>
        <pc:spChg chg="mod">
          <ac:chgData name="Valentina Facuse" userId="8ac073aa-7feb-47c3-9cf3-f4c37dd140ee" providerId="ADAL" clId="{ED9F5D72-68D0-4376-8FF2-DA0E4D9107A9}" dt="2022-08-03T11:51:28.493" v="48" actId="1076"/>
          <ac:spMkLst>
            <pc:docMk/>
            <pc:sldMk cId="3225741539" sldId="652"/>
            <ac:spMk id="128" creationId="{3BF35E7D-C1BE-D880-77E2-750B94FEECD3}"/>
          </ac:spMkLst>
        </pc:spChg>
        <pc:spChg chg="mod">
          <ac:chgData name="Valentina Facuse" userId="8ac073aa-7feb-47c3-9cf3-f4c37dd140ee" providerId="ADAL" clId="{ED9F5D72-68D0-4376-8FF2-DA0E4D9107A9}" dt="2022-08-03T11:51:28.493" v="48" actId="1076"/>
          <ac:spMkLst>
            <pc:docMk/>
            <pc:sldMk cId="3225741539" sldId="652"/>
            <ac:spMk id="129" creationId="{2E821653-E8E8-1E43-9AA6-2EBA8901D1A4}"/>
          </ac:spMkLst>
        </pc:spChg>
        <pc:spChg chg="mod">
          <ac:chgData name="Valentina Facuse" userId="8ac073aa-7feb-47c3-9cf3-f4c37dd140ee" providerId="ADAL" clId="{ED9F5D72-68D0-4376-8FF2-DA0E4D9107A9}" dt="2022-08-03T11:51:28.493" v="48" actId="1076"/>
          <ac:spMkLst>
            <pc:docMk/>
            <pc:sldMk cId="3225741539" sldId="652"/>
            <ac:spMk id="130" creationId="{3598A958-5BAB-3A72-2556-AF1F5260DC6D}"/>
          </ac:spMkLst>
        </pc:spChg>
        <pc:spChg chg="mod">
          <ac:chgData name="Valentina Facuse" userId="8ac073aa-7feb-47c3-9cf3-f4c37dd140ee" providerId="ADAL" clId="{ED9F5D72-68D0-4376-8FF2-DA0E4D9107A9}" dt="2022-08-03T11:51:32.372" v="49" actId="1076"/>
          <ac:spMkLst>
            <pc:docMk/>
            <pc:sldMk cId="3225741539" sldId="652"/>
            <ac:spMk id="131" creationId="{BF5D52B1-E646-649C-D70D-4061FFAB91FA}"/>
          </ac:spMkLst>
        </pc:spChg>
        <pc:spChg chg="mod">
          <ac:chgData name="Valentina Facuse" userId="8ac073aa-7feb-47c3-9cf3-f4c37dd140ee" providerId="ADAL" clId="{ED9F5D72-68D0-4376-8FF2-DA0E4D9107A9}" dt="2022-08-03T11:51:28.493" v="48" actId="1076"/>
          <ac:spMkLst>
            <pc:docMk/>
            <pc:sldMk cId="3225741539" sldId="652"/>
            <ac:spMk id="132" creationId="{D5AE52AF-7331-475F-58B0-191A8E607093}"/>
          </ac:spMkLst>
        </pc:spChg>
        <pc:spChg chg="mod">
          <ac:chgData name="Valentina Facuse" userId="8ac073aa-7feb-47c3-9cf3-f4c37dd140ee" providerId="ADAL" clId="{ED9F5D72-68D0-4376-8FF2-DA0E4D9107A9}" dt="2022-08-03T11:51:28.493" v="48" actId="1076"/>
          <ac:spMkLst>
            <pc:docMk/>
            <pc:sldMk cId="3225741539" sldId="652"/>
            <ac:spMk id="133" creationId="{55668D12-4C67-4EF1-8F13-FB7BD882FAC0}"/>
          </ac:spMkLst>
        </pc:spChg>
        <pc:spChg chg="mod">
          <ac:chgData name="Valentina Facuse" userId="8ac073aa-7feb-47c3-9cf3-f4c37dd140ee" providerId="ADAL" clId="{ED9F5D72-68D0-4376-8FF2-DA0E4D9107A9}" dt="2022-08-03T11:51:28.493" v="48" actId="1076"/>
          <ac:spMkLst>
            <pc:docMk/>
            <pc:sldMk cId="3225741539" sldId="652"/>
            <ac:spMk id="134" creationId="{15CAD5FC-2BA5-BFB3-A51A-93305B70B35E}"/>
          </ac:spMkLst>
        </pc:spChg>
        <pc:spChg chg="mod">
          <ac:chgData name="Valentina Facuse" userId="8ac073aa-7feb-47c3-9cf3-f4c37dd140ee" providerId="ADAL" clId="{ED9F5D72-68D0-4376-8FF2-DA0E4D9107A9}" dt="2022-08-03T11:51:28.493" v="48" actId="1076"/>
          <ac:spMkLst>
            <pc:docMk/>
            <pc:sldMk cId="3225741539" sldId="652"/>
            <ac:spMk id="135" creationId="{20DADBC9-CA26-19DA-FEEE-73F67F633563}"/>
          </ac:spMkLst>
        </pc:spChg>
        <pc:spChg chg="mod">
          <ac:chgData name="Valentina Facuse" userId="8ac073aa-7feb-47c3-9cf3-f4c37dd140ee" providerId="ADAL" clId="{ED9F5D72-68D0-4376-8FF2-DA0E4D9107A9}" dt="2022-08-03T11:51:28.493" v="48" actId="1076"/>
          <ac:spMkLst>
            <pc:docMk/>
            <pc:sldMk cId="3225741539" sldId="652"/>
            <ac:spMk id="136" creationId="{A9A522F1-A236-5238-0C7F-E41930D5DC77}"/>
          </ac:spMkLst>
        </pc:spChg>
        <pc:spChg chg="mod">
          <ac:chgData name="Valentina Facuse" userId="8ac073aa-7feb-47c3-9cf3-f4c37dd140ee" providerId="ADAL" clId="{ED9F5D72-68D0-4376-8FF2-DA0E4D9107A9}" dt="2022-08-03T11:51:28.493" v="48" actId="1076"/>
          <ac:spMkLst>
            <pc:docMk/>
            <pc:sldMk cId="3225741539" sldId="652"/>
            <ac:spMk id="137" creationId="{4AF2762E-EAB9-2C8A-7F4B-B9B8D290BB58}"/>
          </ac:spMkLst>
        </pc:spChg>
        <pc:spChg chg="mod">
          <ac:chgData name="Valentina Facuse" userId="8ac073aa-7feb-47c3-9cf3-f4c37dd140ee" providerId="ADAL" clId="{ED9F5D72-68D0-4376-8FF2-DA0E4D9107A9}" dt="2022-08-03T11:51:28.493" v="48" actId="1076"/>
          <ac:spMkLst>
            <pc:docMk/>
            <pc:sldMk cId="3225741539" sldId="652"/>
            <ac:spMk id="138" creationId="{FC80AE61-F6E3-6A16-242D-6300B2088F90}"/>
          </ac:spMkLst>
        </pc:spChg>
        <pc:spChg chg="mod">
          <ac:chgData name="Valentina Facuse" userId="8ac073aa-7feb-47c3-9cf3-f4c37dd140ee" providerId="ADAL" clId="{ED9F5D72-68D0-4376-8FF2-DA0E4D9107A9}" dt="2022-08-03T11:51:28.493" v="48" actId="1076"/>
          <ac:spMkLst>
            <pc:docMk/>
            <pc:sldMk cId="3225741539" sldId="652"/>
            <ac:spMk id="139" creationId="{2F4B8ED1-8010-44FD-9860-5C9318D2C3F8}"/>
          </ac:spMkLst>
        </pc:spChg>
        <pc:spChg chg="mod">
          <ac:chgData name="Valentina Facuse" userId="8ac073aa-7feb-47c3-9cf3-f4c37dd140ee" providerId="ADAL" clId="{ED9F5D72-68D0-4376-8FF2-DA0E4D9107A9}" dt="2022-08-03T11:51:28.493" v="48" actId="1076"/>
          <ac:spMkLst>
            <pc:docMk/>
            <pc:sldMk cId="3225741539" sldId="652"/>
            <ac:spMk id="140" creationId="{253A228F-9752-3CD0-C616-D38DE843F3F4}"/>
          </ac:spMkLst>
        </pc:spChg>
        <pc:spChg chg="mod">
          <ac:chgData name="Valentina Facuse" userId="8ac073aa-7feb-47c3-9cf3-f4c37dd140ee" providerId="ADAL" clId="{ED9F5D72-68D0-4376-8FF2-DA0E4D9107A9}" dt="2022-08-03T11:51:28.493" v="48" actId="1076"/>
          <ac:spMkLst>
            <pc:docMk/>
            <pc:sldMk cId="3225741539" sldId="652"/>
            <ac:spMk id="141" creationId="{9ABB2609-4562-BECB-BE1C-903551DB1AF7}"/>
          </ac:spMkLst>
        </pc:spChg>
        <pc:spChg chg="mod">
          <ac:chgData name="Valentina Facuse" userId="8ac073aa-7feb-47c3-9cf3-f4c37dd140ee" providerId="ADAL" clId="{ED9F5D72-68D0-4376-8FF2-DA0E4D9107A9}" dt="2022-08-03T11:51:28.493" v="48" actId="1076"/>
          <ac:spMkLst>
            <pc:docMk/>
            <pc:sldMk cId="3225741539" sldId="652"/>
            <ac:spMk id="142" creationId="{BEF82173-88A5-7DE8-C142-17C29BEEF674}"/>
          </ac:spMkLst>
        </pc:spChg>
        <pc:spChg chg="mod">
          <ac:chgData name="Valentina Facuse" userId="8ac073aa-7feb-47c3-9cf3-f4c37dd140ee" providerId="ADAL" clId="{ED9F5D72-68D0-4376-8FF2-DA0E4D9107A9}" dt="2022-08-03T11:51:28.493" v="48" actId="1076"/>
          <ac:spMkLst>
            <pc:docMk/>
            <pc:sldMk cId="3225741539" sldId="652"/>
            <ac:spMk id="143" creationId="{13962362-F53A-FAD7-9735-60436695AEBA}"/>
          </ac:spMkLst>
        </pc:spChg>
        <pc:spChg chg="mod">
          <ac:chgData name="Valentina Facuse" userId="8ac073aa-7feb-47c3-9cf3-f4c37dd140ee" providerId="ADAL" clId="{ED9F5D72-68D0-4376-8FF2-DA0E4D9107A9}" dt="2022-08-03T11:51:28.493" v="48" actId="1076"/>
          <ac:spMkLst>
            <pc:docMk/>
            <pc:sldMk cId="3225741539" sldId="652"/>
            <ac:spMk id="144" creationId="{376770A1-9F1A-5FA1-2FFF-B7B7E717C0EE}"/>
          </ac:spMkLst>
        </pc:spChg>
        <pc:spChg chg="mod">
          <ac:chgData name="Valentina Facuse" userId="8ac073aa-7feb-47c3-9cf3-f4c37dd140ee" providerId="ADAL" clId="{ED9F5D72-68D0-4376-8FF2-DA0E4D9107A9}" dt="2022-08-03T11:51:28.493" v="48" actId="1076"/>
          <ac:spMkLst>
            <pc:docMk/>
            <pc:sldMk cId="3225741539" sldId="652"/>
            <ac:spMk id="145" creationId="{2306251C-A85A-83EC-0E18-42B274E66001}"/>
          </ac:spMkLst>
        </pc:spChg>
        <pc:spChg chg="mod">
          <ac:chgData name="Valentina Facuse" userId="8ac073aa-7feb-47c3-9cf3-f4c37dd140ee" providerId="ADAL" clId="{ED9F5D72-68D0-4376-8FF2-DA0E4D9107A9}" dt="2022-08-03T11:51:28.493" v="48" actId="1076"/>
          <ac:spMkLst>
            <pc:docMk/>
            <pc:sldMk cId="3225741539" sldId="652"/>
            <ac:spMk id="146" creationId="{0A9A6FA6-9038-5EA7-027A-7683B4934BF1}"/>
          </ac:spMkLst>
        </pc:spChg>
        <pc:spChg chg="mod">
          <ac:chgData name="Valentina Facuse" userId="8ac073aa-7feb-47c3-9cf3-f4c37dd140ee" providerId="ADAL" clId="{ED9F5D72-68D0-4376-8FF2-DA0E4D9107A9}" dt="2022-08-03T11:51:28.493" v="48" actId="1076"/>
          <ac:spMkLst>
            <pc:docMk/>
            <pc:sldMk cId="3225741539" sldId="652"/>
            <ac:spMk id="147" creationId="{644AF278-4873-D852-2FC6-3FC99FD4D73A}"/>
          </ac:spMkLst>
        </pc:spChg>
        <pc:spChg chg="mod">
          <ac:chgData name="Valentina Facuse" userId="8ac073aa-7feb-47c3-9cf3-f4c37dd140ee" providerId="ADAL" clId="{ED9F5D72-68D0-4376-8FF2-DA0E4D9107A9}" dt="2022-08-03T11:51:43.500" v="51" actId="20577"/>
          <ac:spMkLst>
            <pc:docMk/>
            <pc:sldMk cId="3225741539" sldId="652"/>
            <ac:spMk id="148" creationId="{095FA31D-0BAF-554B-B0EE-B75390022254}"/>
          </ac:spMkLst>
        </pc:spChg>
        <pc:spChg chg="mod">
          <ac:chgData name="Valentina Facuse" userId="8ac073aa-7feb-47c3-9cf3-f4c37dd140ee" providerId="ADAL" clId="{ED9F5D72-68D0-4376-8FF2-DA0E4D9107A9}" dt="2022-08-03T11:51:28.493" v="48" actId="1076"/>
          <ac:spMkLst>
            <pc:docMk/>
            <pc:sldMk cId="3225741539" sldId="652"/>
            <ac:spMk id="149" creationId="{142E56F1-8175-9A90-4A19-ED12DA19FACC}"/>
          </ac:spMkLst>
        </pc:spChg>
        <pc:spChg chg="mod">
          <ac:chgData name="Valentina Facuse" userId="8ac073aa-7feb-47c3-9cf3-f4c37dd140ee" providerId="ADAL" clId="{ED9F5D72-68D0-4376-8FF2-DA0E4D9107A9}" dt="2022-08-03T11:51:28.493" v="48" actId="1076"/>
          <ac:spMkLst>
            <pc:docMk/>
            <pc:sldMk cId="3225741539" sldId="652"/>
            <ac:spMk id="150" creationId="{6FCAC16B-C32D-8F9D-4CD6-B9A6C0DA0E59}"/>
          </ac:spMkLst>
        </pc:spChg>
        <pc:spChg chg="mod">
          <ac:chgData name="Valentina Facuse" userId="8ac073aa-7feb-47c3-9cf3-f4c37dd140ee" providerId="ADAL" clId="{ED9F5D72-68D0-4376-8FF2-DA0E4D9107A9}" dt="2022-08-03T11:51:28.493" v="48" actId="1076"/>
          <ac:spMkLst>
            <pc:docMk/>
            <pc:sldMk cId="3225741539" sldId="652"/>
            <ac:spMk id="151" creationId="{2251D3F9-E583-7F1E-F53D-C23F2F826FA9}"/>
          </ac:spMkLst>
        </pc:spChg>
        <pc:spChg chg="mod">
          <ac:chgData name="Valentina Facuse" userId="8ac073aa-7feb-47c3-9cf3-f4c37dd140ee" providerId="ADAL" clId="{ED9F5D72-68D0-4376-8FF2-DA0E4D9107A9}" dt="2022-08-03T11:51:28.493" v="48" actId="1076"/>
          <ac:spMkLst>
            <pc:docMk/>
            <pc:sldMk cId="3225741539" sldId="652"/>
            <ac:spMk id="152" creationId="{8B643EB5-2D61-0CF2-891E-CAB592F41BDD}"/>
          </ac:spMkLst>
        </pc:spChg>
        <pc:spChg chg="mod">
          <ac:chgData name="Valentina Facuse" userId="8ac073aa-7feb-47c3-9cf3-f4c37dd140ee" providerId="ADAL" clId="{ED9F5D72-68D0-4376-8FF2-DA0E4D9107A9}" dt="2022-08-03T11:51:28.493" v="48" actId="1076"/>
          <ac:spMkLst>
            <pc:docMk/>
            <pc:sldMk cId="3225741539" sldId="652"/>
            <ac:spMk id="153" creationId="{02ED068B-AA7F-6D82-DB7E-B5B694393A8C}"/>
          </ac:spMkLst>
        </pc:spChg>
        <pc:spChg chg="mod">
          <ac:chgData name="Valentina Facuse" userId="8ac073aa-7feb-47c3-9cf3-f4c37dd140ee" providerId="ADAL" clId="{ED9F5D72-68D0-4376-8FF2-DA0E4D9107A9}" dt="2022-08-03T11:51:28.493" v="48" actId="1076"/>
          <ac:spMkLst>
            <pc:docMk/>
            <pc:sldMk cId="3225741539" sldId="652"/>
            <ac:spMk id="154" creationId="{3B6933E6-B07B-53A5-88D7-23388B27351F}"/>
          </ac:spMkLst>
        </pc:spChg>
        <pc:spChg chg="mod">
          <ac:chgData name="Valentina Facuse" userId="8ac073aa-7feb-47c3-9cf3-f4c37dd140ee" providerId="ADAL" clId="{ED9F5D72-68D0-4376-8FF2-DA0E4D9107A9}" dt="2022-08-03T11:51:28.493" v="48" actId="1076"/>
          <ac:spMkLst>
            <pc:docMk/>
            <pc:sldMk cId="3225741539" sldId="652"/>
            <ac:spMk id="155" creationId="{5D3FC5C5-162F-03D4-3644-800976C64056}"/>
          </ac:spMkLst>
        </pc:spChg>
        <pc:spChg chg="mod">
          <ac:chgData name="Valentina Facuse" userId="8ac073aa-7feb-47c3-9cf3-f4c37dd140ee" providerId="ADAL" clId="{ED9F5D72-68D0-4376-8FF2-DA0E4D9107A9}" dt="2022-08-03T11:51:28.493" v="48" actId="1076"/>
          <ac:spMkLst>
            <pc:docMk/>
            <pc:sldMk cId="3225741539" sldId="652"/>
            <ac:spMk id="156" creationId="{0CE67179-EC05-42A7-6ED1-D3891917A231}"/>
          </ac:spMkLst>
        </pc:spChg>
        <pc:spChg chg="mod">
          <ac:chgData name="Valentina Facuse" userId="8ac073aa-7feb-47c3-9cf3-f4c37dd140ee" providerId="ADAL" clId="{ED9F5D72-68D0-4376-8FF2-DA0E4D9107A9}" dt="2022-08-03T11:51:28.493" v="48" actId="1076"/>
          <ac:spMkLst>
            <pc:docMk/>
            <pc:sldMk cId="3225741539" sldId="652"/>
            <ac:spMk id="157" creationId="{D212BFB3-6313-6986-0E44-1E6757FEA4A7}"/>
          </ac:spMkLst>
        </pc:spChg>
        <pc:spChg chg="mod">
          <ac:chgData name="Valentina Facuse" userId="8ac073aa-7feb-47c3-9cf3-f4c37dd140ee" providerId="ADAL" clId="{ED9F5D72-68D0-4376-8FF2-DA0E4D9107A9}" dt="2022-08-03T11:51:28.493" v="48" actId="1076"/>
          <ac:spMkLst>
            <pc:docMk/>
            <pc:sldMk cId="3225741539" sldId="652"/>
            <ac:spMk id="158" creationId="{D84F9923-341E-6D65-4960-B0880C44C66F}"/>
          </ac:spMkLst>
        </pc:spChg>
        <pc:spChg chg="mod">
          <ac:chgData name="Valentina Facuse" userId="8ac073aa-7feb-47c3-9cf3-f4c37dd140ee" providerId="ADAL" clId="{ED9F5D72-68D0-4376-8FF2-DA0E4D9107A9}" dt="2022-08-03T11:51:28.493" v="48" actId="1076"/>
          <ac:spMkLst>
            <pc:docMk/>
            <pc:sldMk cId="3225741539" sldId="652"/>
            <ac:spMk id="159" creationId="{D943D78F-95DC-A0CB-C8F0-79DB7CFEDB01}"/>
          </ac:spMkLst>
        </pc:spChg>
        <pc:spChg chg="mod">
          <ac:chgData name="Valentina Facuse" userId="8ac073aa-7feb-47c3-9cf3-f4c37dd140ee" providerId="ADAL" clId="{ED9F5D72-68D0-4376-8FF2-DA0E4D9107A9}" dt="2022-08-03T11:51:28.493" v="48" actId="1076"/>
          <ac:spMkLst>
            <pc:docMk/>
            <pc:sldMk cId="3225741539" sldId="652"/>
            <ac:spMk id="160" creationId="{AA69A450-8C6F-39BA-57D2-2501E49177D1}"/>
          </ac:spMkLst>
        </pc:spChg>
        <pc:spChg chg="mod">
          <ac:chgData name="Valentina Facuse" userId="8ac073aa-7feb-47c3-9cf3-f4c37dd140ee" providerId="ADAL" clId="{ED9F5D72-68D0-4376-8FF2-DA0E4D9107A9}" dt="2022-08-03T11:51:28.493" v="48" actId="1076"/>
          <ac:spMkLst>
            <pc:docMk/>
            <pc:sldMk cId="3225741539" sldId="652"/>
            <ac:spMk id="161" creationId="{4D0C9FAF-F2EA-1262-091E-6A411FF4205B}"/>
          </ac:spMkLst>
        </pc:spChg>
        <pc:spChg chg="mod">
          <ac:chgData name="Valentina Facuse" userId="8ac073aa-7feb-47c3-9cf3-f4c37dd140ee" providerId="ADAL" clId="{ED9F5D72-68D0-4376-8FF2-DA0E4D9107A9}" dt="2022-08-03T11:51:28.493" v="48" actId="1076"/>
          <ac:spMkLst>
            <pc:docMk/>
            <pc:sldMk cId="3225741539" sldId="652"/>
            <ac:spMk id="162" creationId="{3751CE19-D9E6-5997-3730-5B1A8F696E6C}"/>
          </ac:spMkLst>
        </pc:spChg>
        <pc:spChg chg="mod">
          <ac:chgData name="Valentina Facuse" userId="8ac073aa-7feb-47c3-9cf3-f4c37dd140ee" providerId="ADAL" clId="{ED9F5D72-68D0-4376-8FF2-DA0E4D9107A9}" dt="2022-08-03T11:51:28.493" v="48" actId="1076"/>
          <ac:spMkLst>
            <pc:docMk/>
            <pc:sldMk cId="3225741539" sldId="652"/>
            <ac:spMk id="163" creationId="{5F63C1AF-D8E2-3E92-1D08-C2324C75E7BD}"/>
          </ac:spMkLst>
        </pc:spChg>
        <pc:spChg chg="mod">
          <ac:chgData name="Valentina Facuse" userId="8ac073aa-7feb-47c3-9cf3-f4c37dd140ee" providerId="ADAL" clId="{ED9F5D72-68D0-4376-8FF2-DA0E4D9107A9}" dt="2022-08-03T11:51:28.493" v="48" actId="1076"/>
          <ac:spMkLst>
            <pc:docMk/>
            <pc:sldMk cId="3225741539" sldId="652"/>
            <ac:spMk id="164" creationId="{CF86A279-630E-9E3A-2000-8106270FDF60}"/>
          </ac:spMkLst>
        </pc:spChg>
        <pc:spChg chg="add mod">
          <ac:chgData name="Valentina Facuse" userId="8ac073aa-7feb-47c3-9cf3-f4c37dd140ee" providerId="ADAL" clId="{ED9F5D72-68D0-4376-8FF2-DA0E4D9107A9}" dt="2022-08-03T11:50:00.751" v="11" actId="1076"/>
          <ac:spMkLst>
            <pc:docMk/>
            <pc:sldMk cId="3225741539" sldId="652"/>
            <ac:spMk id="168" creationId="{A5F0CA68-05AB-7906-4CAA-E125A13DD346}"/>
          </ac:spMkLst>
        </pc:spChg>
        <pc:spChg chg="add del mod">
          <ac:chgData name="Valentina Facuse" userId="8ac073aa-7feb-47c3-9cf3-f4c37dd140ee" providerId="ADAL" clId="{ED9F5D72-68D0-4376-8FF2-DA0E4D9107A9}" dt="2022-08-03T11:50:11.238" v="13" actId="478"/>
          <ac:spMkLst>
            <pc:docMk/>
            <pc:sldMk cId="3225741539" sldId="652"/>
            <ac:spMk id="169" creationId="{2BC43441-4F0D-3C55-DBC5-234B7E58D282}"/>
          </ac:spMkLst>
        </pc:spChg>
        <pc:spChg chg="add mod">
          <ac:chgData name="Valentina Facuse" userId="8ac073aa-7feb-47c3-9cf3-f4c37dd140ee" providerId="ADAL" clId="{ED9F5D72-68D0-4376-8FF2-DA0E4D9107A9}" dt="2022-08-03T11:50:18.575" v="15" actId="1076"/>
          <ac:spMkLst>
            <pc:docMk/>
            <pc:sldMk cId="3225741539" sldId="652"/>
            <ac:spMk id="170" creationId="{8B9EC8F7-B38A-76FE-CC5E-E6E65B7DF2F9}"/>
          </ac:spMkLst>
        </pc:spChg>
        <pc:spChg chg="add del mod">
          <ac:chgData name="Valentina Facuse" userId="8ac073aa-7feb-47c3-9cf3-f4c37dd140ee" providerId="ADAL" clId="{ED9F5D72-68D0-4376-8FF2-DA0E4D9107A9}" dt="2022-08-03T11:51:02.843" v="44"/>
          <ac:spMkLst>
            <pc:docMk/>
            <pc:sldMk cId="3225741539" sldId="652"/>
            <ac:spMk id="171" creationId="{2A410B0D-15AA-8828-4225-110C717F6C6A}"/>
          </ac:spMkLst>
        </pc:spChg>
        <pc:spChg chg="add mod">
          <ac:chgData name="Valentina Facuse" userId="8ac073aa-7feb-47c3-9cf3-f4c37dd140ee" providerId="ADAL" clId="{ED9F5D72-68D0-4376-8FF2-DA0E4D9107A9}" dt="2022-08-03T11:51:18.529" v="47" actId="1076"/>
          <ac:spMkLst>
            <pc:docMk/>
            <pc:sldMk cId="3225741539" sldId="652"/>
            <ac:spMk id="172" creationId="{AE64993D-1879-CCD9-8478-6A5EE83E26C7}"/>
          </ac:spMkLst>
        </pc:spChg>
        <pc:grpChg chg="mod">
          <ac:chgData name="Valentina Facuse" userId="8ac073aa-7feb-47c3-9cf3-f4c37dd140ee" providerId="ADAL" clId="{ED9F5D72-68D0-4376-8FF2-DA0E4D9107A9}" dt="2022-08-03T11:51:28.493" v="48" actId="1076"/>
          <ac:grpSpMkLst>
            <pc:docMk/>
            <pc:sldMk cId="3225741539" sldId="652"/>
            <ac:grpSpMk id="84" creationId="{04548DA9-6CDD-4B21-FEC5-C87AAA8E46D9}"/>
          </ac:grpSpMkLst>
        </pc:grpChg>
        <pc:cxnChg chg="mod">
          <ac:chgData name="Valentina Facuse" userId="8ac073aa-7feb-47c3-9cf3-f4c37dd140ee" providerId="ADAL" clId="{ED9F5D72-68D0-4376-8FF2-DA0E4D9107A9}" dt="2022-08-03T11:51:28.493" v="48" actId="1076"/>
          <ac:cxnSpMkLst>
            <pc:docMk/>
            <pc:sldMk cId="3225741539" sldId="652"/>
            <ac:cxnSpMk id="85" creationId="{999E8EF5-E4D9-C100-6566-26306A8E0A34}"/>
          </ac:cxnSpMkLst>
        </pc:cxnChg>
        <pc:cxnChg chg="mod">
          <ac:chgData name="Valentina Facuse" userId="8ac073aa-7feb-47c3-9cf3-f4c37dd140ee" providerId="ADAL" clId="{ED9F5D72-68D0-4376-8FF2-DA0E4D9107A9}" dt="2022-08-03T11:51:28.493" v="48" actId="1076"/>
          <ac:cxnSpMkLst>
            <pc:docMk/>
            <pc:sldMk cId="3225741539" sldId="652"/>
            <ac:cxnSpMk id="86" creationId="{2BAE2C60-6AB1-1F02-A4D0-9EE5A08663DB}"/>
          </ac:cxnSpMkLst>
        </pc:cxnChg>
        <pc:cxnChg chg="mod">
          <ac:chgData name="Valentina Facuse" userId="8ac073aa-7feb-47c3-9cf3-f4c37dd140ee" providerId="ADAL" clId="{ED9F5D72-68D0-4376-8FF2-DA0E4D9107A9}" dt="2022-08-03T11:51:28.493" v="48" actId="1076"/>
          <ac:cxnSpMkLst>
            <pc:docMk/>
            <pc:sldMk cId="3225741539" sldId="652"/>
            <ac:cxnSpMk id="87" creationId="{86D0C687-A2C9-F96B-D93B-D345A2F4C978}"/>
          </ac:cxnSpMkLst>
        </pc:cxnChg>
        <pc:cxnChg chg="mod">
          <ac:chgData name="Valentina Facuse" userId="8ac073aa-7feb-47c3-9cf3-f4c37dd140ee" providerId="ADAL" clId="{ED9F5D72-68D0-4376-8FF2-DA0E4D9107A9}" dt="2022-08-03T11:51:28.493" v="48" actId="1076"/>
          <ac:cxnSpMkLst>
            <pc:docMk/>
            <pc:sldMk cId="3225741539" sldId="652"/>
            <ac:cxnSpMk id="88" creationId="{247FE200-D270-5215-1DD4-AB584B44FAC9}"/>
          </ac:cxnSpMkLst>
        </pc:cxnChg>
        <pc:cxnChg chg="mod">
          <ac:chgData name="Valentina Facuse" userId="8ac073aa-7feb-47c3-9cf3-f4c37dd140ee" providerId="ADAL" clId="{ED9F5D72-68D0-4376-8FF2-DA0E4D9107A9}" dt="2022-08-03T11:51:28.493" v="48" actId="1076"/>
          <ac:cxnSpMkLst>
            <pc:docMk/>
            <pc:sldMk cId="3225741539" sldId="652"/>
            <ac:cxnSpMk id="89" creationId="{B8AB9678-62BB-60C3-D472-685FC3FF4ACB}"/>
          </ac:cxnSpMkLst>
        </pc:cxnChg>
        <pc:cxnChg chg="del mod">
          <ac:chgData name="Valentina Facuse" userId="8ac073aa-7feb-47c3-9cf3-f4c37dd140ee" providerId="ADAL" clId="{ED9F5D72-68D0-4376-8FF2-DA0E4D9107A9}" dt="2022-08-03T11:49:36.095" v="8" actId="478"/>
          <ac:cxnSpMkLst>
            <pc:docMk/>
            <pc:sldMk cId="3225741539" sldId="652"/>
            <ac:cxnSpMk id="90" creationId="{5D74A023-695C-42DC-7BC4-EBE856484751}"/>
          </ac:cxnSpMkLst>
        </pc:cxnChg>
        <pc:cxnChg chg="mod">
          <ac:chgData name="Valentina Facuse" userId="8ac073aa-7feb-47c3-9cf3-f4c37dd140ee" providerId="ADAL" clId="{ED9F5D72-68D0-4376-8FF2-DA0E4D9107A9}" dt="2022-08-03T11:51:28.493" v="48" actId="1076"/>
          <ac:cxnSpMkLst>
            <pc:docMk/>
            <pc:sldMk cId="3225741539" sldId="652"/>
            <ac:cxnSpMk id="91" creationId="{1460D0CB-561C-232F-6080-CED14CBC6CD5}"/>
          </ac:cxnSpMkLst>
        </pc:cxnChg>
        <pc:cxnChg chg="mod">
          <ac:chgData name="Valentina Facuse" userId="8ac073aa-7feb-47c3-9cf3-f4c37dd140ee" providerId="ADAL" clId="{ED9F5D72-68D0-4376-8FF2-DA0E4D9107A9}" dt="2022-08-03T11:51:28.493" v="48" actId="1076"/>
          <ac:cxnSpMkLst>
            <pc:docMk/>
            <pc:sldMk cId="3225741539" sldId="652"/>
            <ac:cxnSpMk id="92" creationId="{54B0DA3A-538E-74C9-DB3E-FA893D065AFC}"/>
          </ac:cxnSpMkLst>
        </pc:cxnChg>
        <pc:cxnChg chg="mod">
          <ac:chgData name="Valentina Facuse" userId="8ac073aa-7feb-47c3-9cf3-f4c37dd140ee" providerId="ADAL" clId="{ED9F5D72-68D0-4376-8FF2-DA0E4D9107A9}" dt="2022-08-03T11:51:28.493" v="48" actId="1076"/>
          <ac:cxnSpMkLst>
            <pc:docMk/>
            <pc:sldMk cId="3225741539" sldId="652"/>
            <ac:cxnSpMk id="93" creationId="{3DF1070E-2D93-636E-2FBC-8396EFA1A85C}"/>
          </ac:cxnSpMkLst>
        </pc:cxnChg>
        <pc:cxnChg chg="mod">
          <ac:chgData name="Valentina Facuse" userId="8ac073aa-7feb-47c3-9cf3-f4c37dd140ee" providerId="ADAL" clId="{ED9F5D72-68D0-4376-8FF2-DA0E4D9107A9}" dt="2022-08-03T11:51:28.493" v="48" actId="1076"/>
          <ac:cxnSpMkLst>
            <pc:docMk/>
            <pc:sldMk cId="3225741539" sldId="652"/>
            <ac:cxnSpMk id="97" creationId="{00315578-BAE1-DE8C-B8BD-A4AD6F74D788}"/>
          </ac:cxnSpMkLst>
        </pc:cxnChg>
        <pc:cxnChg chg="mod">
          <ac:chgData name="Valentina Facuse" userId="8ac073aa-7feb-47c3-9cf3-f4c37dd140ee" providerId="ADAL" clId="{ED9F5D72-68D0-4376-8FF2-DA0E4D9107A9}" dt="2022-08-03T11:51:28.493" v="48" actId="1076"/>
          <ac:cxnSpMkLst>
            <pc:docMk/>
            <pc:sldMk cId="3225741539" sldId="652"/>
            <ac:cxnSpMk id="99" creationId="{0B535BCC-6212-5032-F10D-6AE1B559B4CE}"/>
          </ac:cxnSpMkLst>
        </pc:cxnChg>
        <pc:cxnChg chg="mod">
          <ac:chgData name="Valentina Facuse" userId="8ac073aa-7feb-47c3-9cf3-f4c37dd140ee" providerId="ADAL" clId="{ED9F5D72-68D0-4376-8FF2-DA0E4D9107A9}" dt="2022-08-03T11:51:28.493" v="48" actId="1076"/>
          <ac:cxnSpMkLst>
            <pc:docMk/>
            <pc:sldMk cId="3225741539" sldId="652"/>
            <ac:cxnSpMk id="101" creationId="{C284C60C-6FC0-07FC-DA98-CB182B9A07F8}"/>
          </ac:cxnSpMkLst>
        </pc:cxnChg>
        <pc:cxnChg chg="mod">
          <ac:chgData name="Valentina Facuse" userId="8ac073aa-7feb-47c3-9cf3-f4c37dd140ee" providerId="ADAL" clId="{ED9F5D72-68D0-4376-8FF2-DA0E4D9107A9}" dt="2022-08-03T11:51:28.493" v="48" actId="1076"/>
          <ac:cxnSpMkLst>
            <pc:docMk/>
            <pc:sldMk cId="3225741539" sldId="652"/>
            <ac:cxnSpMk id="103" creationId="{BBB540E8-5C48-325D-DB06-3CBF413670BF}"/>
          </ac:cxnSpMkLst>
        </pc:cxnChg>
        <pc:cxnChg chg="mod">
          <ac:chgData name="Valentina Facuse" userId="8ac073aa-7feb-47c3-9cf3-f4c37dd140ee" providerId="ADAL" clId="{ED9F5D72-68D0-4376-8FF2-DA0E4D9107A9}" dt="2022-08-03T11:51:28.493" v="48" actId="1076"/>
          <ac:cxnSpMkLst>
            <pc:docMk/>
            <pc:sldMk cId="3225741539" sldId="652"/>
            <ac:cxnSpMk id="105" creationId="{8001A320-180C-8255-3853-E0036B8DE9BD}"/>
          </ac:cxnSpMkLst>
        </pc:cxnChg>
        <pc:cxnChg chg="mod">
          <ac:chgData name="Valentina Facuse" userId="8ac073aa-7feb-47c3-9cf3-f4c37dd140ee" providerId="ADAL" clId="{ED9F5D72-68D0-4376-8FF2-DA0E4D9107A9}" dt="2022-08-03T11:51:28.493" v="48" actId="1076"/>
          <ac:cxnSpMkLst>
            <pc:docMk/>
            <pc:sldMk cId="3225741539" sldId="652"/>
            <ac:cxnSpMk id="107" creationId="{FD121C45-DB84-DE35-AA2D-E6165D2019DA}"/>
          </ac:cxnSpMkLst>
        </pc:cxnChg>
        <pc:cxnChg chg="mod">
          <ac:chgData name="Valentina Facuse" userId="8ac073aa-7feb-47c3-9cf3-f4c37dd140ee" providerId="ADAL" clId="{ED9F5D72-68D0-4376-8FF2-DA0E4D9107A9}" dt="2022-08-03T11:51:28.493" v="48" actId="1076"/>
          <ac:cxnSpMkLst>
            <pc:docMk/>
            <pc:sldMk cId="3225741539" sldId="652"/>
            <ac:cxnSpMk id="109" creationId="{445C9A4C-E52D-5F42-24BD-009F60616B25}"/>
          </ac:cxnSpMkLst>
        </pc:cxnChg>
        <pc:cxnChg chg="mod">
          <ac:chgData name="Valentina Facuse" userId="8ac073aa-7feb-47c3-9cf3-f4c37dd140ee" providerId="ADAL" clId="{ED9F5D72-68D0-4376-8FF2-DA0E4D9107A9}" dt="2022-08-03T11:51:28.493" v="48" actId="1076"/>
          <ac:cxnSpMkLst>
            <pc:docMk/>
            <pc:sldMk cId="3225741539" sldId="652"/>
            <ac:cxnSpMk id="111" creationId="{52D6FEA0-B42F-5087-5EE1-56339D61A79B}"/>
          </ac:cxnSpMkLst>
        </pc:cxnChg>
        <pc:cxnChg chg="mod">
          <ac:chgData name="Valentina Facuse" userId="8ac073aa-7feb-47c3-9cf3-f4c37dd140ee" providerId="ADAL" clId="{ED9F5D72-68D0-4376-8FF2-DA0E4D9107A9}" dt="2022-08-03T11:51:28.493" v="48" actId="1076"/>
          <ac:cxnSpMkLst>
            <pc:docMk/>
            <pc:sldMk cId="3225741539" sldId="652"/>
            <ac:cxnSpMk id="113" creationId="{D5F38542-F5A9-241E-918E-8D348D5FD61B}"/>
          </ac:cxnSpMkLst>
        </pc:cxnChg>
        <pc:cxnChg chg="mod">
          <ac:chgData name="Valentina Facuse" userId="8ac073aa-7feb-47c3-9cf3-f4c37dd140ee" providerId="ADAL" clId="{ED9F5D72-68D0-4376-8FF2-DA0E4D9107A9}" dt="2022-08-03T11:51:28.493" v="48" actId="1076"/>
          <ac:cxnSpMkLst>
            <pc:docMk/>
            <pc:sldMk cId="3225741539" sldId="652"/>
            <ac:cxnSpMk id="115" creationId="{6AE9FDF3-8A6E-ED61-4000-37D41E4796FD}"/>
          </ac:cxnSpMkLst>
        </pc:cxnChg>
        <pc:cxnChg chg="mod">
          <ac:chgData name="Valentina Facuse" userId="8ac073aa-7feb-47c3-9cf3-f4c37dd140ee" providerId="ADAL" clId="{ED9F5D72-68D0-4376-8FF2-DA0E4D9107A9}" dt="2022-08-03T11:51:28.493" v="48" actId="1076"/>
          <ac:cxnSpMkLst>
            <pc:docMk/>
            <pc:sldMk cId="3225741539" sldId="652"/>
            <ac:cxnSpMk id="117" creationId="{01DE0FD5-A54C-9267-027D-5E4A9E39B6AF}"/>
          </ac:cxnSpMkLst>
        </pc:cxnChg>
      </pc:sldChg>
    </pc:docChg>
  </pc:docChgLst>
  <pc:docChgLst>
    <pc:chgData name="Valerie Neilson" userId="35630ace-dead-42e1-83b9-be998d44ae75" providerId="ADAL" clId="{BA01E8A0-46E7-4D55-8551-828788C4024B}"/>
    <pc:docChg chg="custSel addSld delSld modSld sldOrd">
      <pc:chgData name="Valerie Neilson" userId="35630ace-dead-42e1-83b9-be998d44ae75" providerId="ADAL" clId="{BA01E8A0-46E7-4D55-8551-828788C4024B}" dt="2022-05-17T23:03:25.003" v="98" actId="20578"/>
      <pc:docMkLst>
        <pc:docMk/>
      </pc:docMkLst>
      <pc:sldChg chg="delSp modSp mod">
        <pc:chgData name="Valerie Neilson" userId="35630ace-dead-42e1-83b9-be998d44ae75" providerId="ADAL" clId="{BA01E8A0-46E7-4D55-8551-828788C4024B}" dt="2022-05-17T18:12:51.066" v="82" actId="1076"/>
        <pc:sldMkLst>
          <pc:docMk/>
          <pc:sldMk cId="2011481620" sldId="256"/>
        </pc:sldMkLst>
        <pc:spChg chg="mod">
          <ac:chgData name="Valerie Neilson" userId="35630ace-dead-42e1-83b9-be998d44ae75" providerId="ADAL" clId="{BA01E8A0-46E7-4D55-8551-828788C4024B}" dt="2022-05-17T18:12:51.066" v="82" actId="1076"/>
          <ac:spMkLst>
            <pc:docMk/>
            <pc:sldMk cId="2011481620" sldId="256"/>
            <ac:spMk id="2" creationId="{00000000-0000-0000-0000-000000000000}"/>
          </ac:spMkLst>
        </pc:spChg>
        <pc:spChg chg="del mod">
          <ac:chgData name="Valerie Neilson" userId="35630ace-dead-42e1-83b9-be998d44ae75" providerId="ADAL" clId="{BA01E8A0-46E7-4D55-8551-828788C4024B}" dt="2022-05-17T18:12:47.090" v="81" actId="478"/>
          <ac:spMkLst>
            <pc:docMk/>
            <pc:sldMk cId="2011481620" sldId="256"/>
            <ac:spMk id="3" creationId="{00000000-0000-0000-0000-000000000000}"/>
          </ac:spMkLst>
        </pc:spChg>
      </pc:sldChg>
      <pc:sldChg chg="modSp mod">
        <pc:chgData name="Valerie Neilson" userId="35630ace-dead-42e1-83b9-be998d44ae75" providerId="ADAL" clId="{BA01E8A0-46E7-4D55-8551-828788C4024B}" dt="2022-05-17T18:59:12.487" v="91" actId="1076"/>
        <pc:sldMkLst>
          <pc:docMk/>
          <pc:sldMk cId="2030167298" sldId="271"/>
        </pc:sldMkLst>
        <pc:spChg chg="mod">
          <ac:chgData name="Valerie Neilson" userId="35630ace-dead-42e1-83b9-be998d44ae75" providerId="ADAL" clId="{BA01E8A0-46E7-4D55-8551-828788C4024B}" dt="2022-05-17T18:59:12.487" v="91" actId="1076"/>
          <ac:spMkLst>
            <pc:docMk/>
            <pc:sldMk cId="2030167298" sldId="271"/>
            <ac:spMk id="3" creationId="{00000000-0000-0000-0000-000000000000}"/>
          </ac:spMkLst>
        </pc:spChg>
      </pc:sldChg>
      <pc:sldChg chg="addSp modSp mod ord modShow">
        <pc:chgData name="Valerie Neilson" userId="35630ace-dead-42e1-83b9-be998d44ae75" providerId="ADAL" clId="{BA01E8A0-46E7-4D55-8551-828788C4024B}" dt="2022-05-17T23:03:25.003" v="98" actId="20578"/>
        <pc:sldMkLst>
          <pc:docMk/>
          <pc:sldMk cId="2780907026" sldId="273"/>
        </pc:sldMkLst>
        <pc:spChg chg="mod">
          <ac:chgData name="Valerie Neilson" userId="35630ace-dead-42e1-83b9-be998d44ae75" providerId="ADAL" clId="{BA01E8A0-46E7-4D55-8551-828788C4024B}" dt="2022-05-13T21:00:14.011" v="8" actId="20577"/>
          <ac:spMkLst>
            <pc:docMk/>
            <pc:sldMk cId="2780907026" sldId="273"/>
            <ac:spMk id="2" creationId="{00000000-0000-0000-0000-000000000000}"/>
          </ac:spMkLst>
        </pc:spChg>
        <pc:spChg chg="mod">
          <ac:chgData name="Valerie Neilson" userId="35630ace-dead-42e1-83b9-be998d44ae75" providerId="ADAL" clId="{BA01E8A0-46E7-4D55-8551-828788C4024B}" dt="2022-05-16T19:19:06.852" v="65" actId="20577"/>
          <ac:spMkLst>
            <pc:docMk/>
            <pc:sldMk cId="2780907026" sldId="273"/>
            <ac:spMk id="42" creationId="{DB7E3859-ED93-44A9-9A97-A5B2489EB4E8}"/>
          </ac:spMkLst>
        </pc:spChg>
        <pc:spChg chg="mod">
          <ac:chgData name="Valerie Neilson" userId="35630ace-dead-42e1-83b9-be998d44ae75" providerId="ADAL" clId="{BA01E8A0-46E7-4D55-8551-828788C4024B}" dt="2022-05-16T19:19:20.338" v="75" actId="20577"/>
          <ac:spMkLst>
            <pc:docMk/>
            <pc:sldMk cId="2780907026" sldId="273"/>
            <ac:spMk id="58" creationId="{67C28177-6249-4295-8C5C-D507BACB4C5B}"/>
          </ac:spMkLst>
        </pc:spChg>
        <pc:spChg chg="mod">
          <ac:chgData name="Valerie Neilson" userId="35630ace-dead-42e1-83b9-be998d44ae75" providerId="ADAL" clId="{BA01E8A0-46E7-4D55-8551-828788C4024B}" dt="2022-05-13T21:04:42.298" v="49" actId="20577"/>
          <ac:spMkLst>
            <pc:docMk/>
            <pc:sldMk cId="2780907026" sldId="273"/>
            <ac:spMk id="76" creationId="{2BC90D56-9E29-487E-8A97-CC0C44CACBC4}"/>
          </ac:spMkLst>
        </pc:spChg>
        <pc:spChg chg="mod">
          <ac:chgData name="Valerie Neilson" userId="35630ace-dead-42e1-83b9-be998d44ae75" providerId="ADAL" clId="{BA01E8A0-46E7-4D55-8551-828788C4024B}" dt="2022-05-13T21:04:30.699" v="35" actId="20577"/>
          <ac:spMkLst>
            <pc:docMk/>
            <pc:sldMk cId="2780907026" sldId="273"/>
            <ac:spMk id="78" creationId="{3A2A24E7-CD8C-41D3-B460-89766FF1006C}"/>
          </ac:spMkLst>
        </pc:spChg>
        <pc:spChg chg="mod">
          <ac:chgData name="Valerie Neilson" userId="35630ace-dead-42e1-83b9-be998d44ae75" providerId="ADAL" clId="{BA01E8A0-46E7-4D55-8551-828788C4024B}" dt="2022-05-13T21:04:34.747" v="38" actId="20577"/>
          <ac:spMkLst>
            <pc:docMk/>
            <pc:sldMk cId="2780907026" sldId="273"/>
            <ac:spMk id="81" creationId="{D62D0642-8B3C-48C4-A4F4-853895E2B2A0}"/>
          </ac:spMkLst>
        </pc:spChg>
        <pc:spChg chg="add mod">
          <ac:chgData name="Valerie Neilson" userId="35630ace-dead-42e1-83b9-be998d44ae75" providerId="ADAL" clId="{BA01E8A0-46E7-4D55-8551-828788C4024B}" dt="2022-05-13T21:05:44.439" v="51" actId="1076"/>
          <ac:spMkLst>
            <pc:docMk/>
            <pc:sldMk cId="2780907026" sldId="273"/>
            <ac:spMk id="84" creationId="{A0C16809-59C4-ADDF-0609-DD1355B9D9AE}"/>
          </ac:spMkLst>
        </pc:spChg>
      </pc:sldChg>
      <pc:sldChg chg="addSp delSp modSp mod">
        <pc:chgData name="Valerie Neilson" userId="35630ace-dead-42e1-83b9-be998d44ae75" providerId="ADAL" clId="{BA01E8A0-46E7-4D55-8551-828788C4024B}" dt="2022-05-13T21:09:21.308" v="60" actId="1076"/>
        <pc:sldMkLst>
          <pc:docMk/>
          <pc:sldMk cId="495892712" sldId="274"/>
        </pc:sldMkLst>
        <pc:picChg chg="add mod">
          <ac:chgData name="Valerie Neilson" userId="35630ace-dead-42e1-83b9-be998d44ae75" providerId="ADAL" clId="{BA01E8A0-46E7-4D55-8551-828788C4024B}" dt="2022-05-13T21:09:21.308" v="60" actId="1076"/>
          <ac:picMkLst>
            <pc:docMk/>
            <pc:sldMk cId="495892712" sldId="274"/>
            <ac:picMk id="5" creationId="{4D6FF59F-24EA-B27E-85A6-484CA0A385E0}"/>
          </ac:picMkLst>
        </pc:picChg>
        <pc:picChg chg="del">
          <ac:chgData name="Valerie Neilson" userId="35630ace-dead-42e1-83b9-be998d44ae75" providerId="ADAL" clId="{BA01E8A0-46E7-4D55-8551-828788C4024B}" dt="2022-05-13T21:09:15.290" v="57" actId="478"/>
          <ac:picMkLst>
            <pc:docMk/>
            <pc:sldMk cId="495892712" sldId="274"/>
            <ac:picMk id="8" creationId="{844FE44F-69ED-4CE4-B605-FADF879C4105}"/>
          </ac:picMkLst>
        </pc:picChg>
      </pc:sldChg>
      <pc:sldChg chg="del">
        <pc:chgData name="Valerie Neilson" userId="35630ace-dead-42e1-83b9-be998d44ae75" providerId="ADAL" clId="{BA01E8A0-46E7-4D55-8551-828788C4024B}" dt="2022-05-13T21:06:13.182" v="56" actId="47"/>
        <pc:sldMkLst>
          <pc:docMk/>
          <pc:sldMk cId="923658770" sldId="625"/>
        </pc:sldMkLst>
      </pc:sldChg>
      <pc:sldChg chg="modSp">
        <pc:chgData name="Valerie Neilson" userId="35630ace-dead-42e1-83b9-be998d44ae75" providerId="ADAL" clId="{BA01E8A0-46E7-4D55-8551-828788C4024B}" dt="2022-05-17T20:50:32.549" v="92" actId="1076"/>
        <pc:sldMkLst>
          <pc:docMk/>
          <pc:sldMk cId="3313322281" sldId="626"/>
        </pc:sldMkLst>
        <pc:picChg chg="mod">
          <ac:chgData name="Valerie Neilson" userId="35630ace-dead-42e1-83b9-be998d44ae75" providerId="ADAL" clId="{BA01E8A0-46E7-4D55-8551-828788C4024B}" dt="2022-05-17T20:50:32.549" v="92" actId="1076"/>
          <ac:picMkLst>
            <pc:docMk/>
            <pc:sldMk cId="3313322281" sldId="626"/>
            <ac:picMk id="1026" creationId="{49BBDC0F-204E-473B-A378-E578FD20AF82}"/>
          </ac:picMkLst>
        </pc:picChg>
      </pc:sldChg>
      <pc:sldChg chg="addSp delSp modSp add mod">
        <pc:chgData name="Valerie Neilson" userId="35630ace-dead-42e1-83b9-be998d44ae75" providerId="ADAL" clId="{BA01E8A0-46E7-4D55-8551-828788C4024B}" dt="2022-05-16T20:53:59.553" v="80" actId="1076"/>
        <pc:sldMkLst>
          <pc:docMk/>
          <pc:sldMk cId="1961725314" sldId="633"/>
        </pc:sldMkLst>
        <pc:spChg chg="mod">
          <ac:chgData name="Valerie Neilson" userId="35630ace-dead-42e1-83b9-be998d44ae75" providerId="ADAL" clId="{BA01E8A0-46E7-4D55-8551-828788C4024B}" dt="2022-05-13T21:00:27.933" v="10" actId="20577"/>
          <ac:spMkLst>
            <pc:docMk/>
            <pc:sldMk cId="1961725314" sldId="633"/>
            <ac:spMk id="2" creationId="{00000000-0000-0000-0000-000000000000}"/>
          </ac:spMkLst>
        </pc:spChg>
        <pc:spChg chg="del mod">
          <ac:chgData name="Valerie Neilson" userId="35630ace-dead-42e1-83b9-be998d44ae75" providerId="ADAL" clId="{BA01E8A0-46E7-4D55-8551-828788C4024B}" dt="2022-05-13T21:01:10.824" v="16" actId="478"/>
          <ac:spMkLst>
            <pc:docMk/>
            <pc:sldMk cId="1961725314" sldId="633"/>
            <ac:spMk id="9" creationId="{E555EE93-44D1-4F28-95A0-CA831B3F79CB}"/>
          </ac:spMkLst>
        </pc:spChg>
        <pc:spChg chg="del">
          <ac:chgData name="Valerie Neilson" userId="35630ace-dead-42e1-83b9-be998d44ae75" providerId="ADAL" clId="{BA01E8A0-46E7-4D55-8551-828788C4024B}" dt="2022-05-13T21:01:02.519" v="11" actId="478"/>
          <ac:spMkLst>
            <pc:docMk/>
            <pc:sldMk cId="1961725314" sldId="633"/>
            <ac:spMk id="10" creationId="{A255EC99-5D89-4022-BAA8-71F56B42340A}"/>
          </ac:spMkLst>
        </pc:spChg>
        <pc:spChg chg="del mod">
          <ac:chgData name="Valerie Neilson" userId="35630ace-dead-42e1-83b9-be998d44ae75" providerId="ADAL" clId="{BA01E8A0-46E7-4D55-8551-828788C4024B}" dt="2022-05-13T21:01:06.035" v="14" actId="478"/>
          <ac:spMkLst>
            <pc:docMk/>
            <pc:sldMk cId="1961725314" sldId="633"/>
            <ac:spMk id="11" creationId="{4518A58F-9CD5-4FB2-B6D0-088F30D8D824}"/>
          </ac:spMkLst>
        </pc:spChg>
        <pc:spChg chg="del">
          <ac:chgData name="Valerie Neilson" userId="35630ace-dead-42e1-83b9-be998d44ae75" providerId="ADAL" clId="{BA01E8A0-46E7-4D55-8551-828788C4024B}" dt="2022-05-13T21:01:02.519" v="11" actId="478"/>
          <ac:spMkLst>
            <pc:docMk/>
            <pc:sldMk cId="1961725314" sldId="633"/>
            <ac:spMk id="14" creationId="{874EEAAF-5DD3-4AAC-A788-F8A1295CB99F}"/>
          </ac:spMkLst>
        </pc:spChg>
        <pc:spChg chg="del">
          <ac:chgData name="Valerie Neilson" userId="35630ace-dead-42e1-83b9-be998d44ae75" providerId="ADAL" clId="{BA01E8A0-46E7-4D55-8551-828788C4024B}" dt="2022-05-13T21:01:02.519" v="11" actId="478"/>
          <ac:spMkLst>
            <pc:docMk/>
            <pc:sldMk cId="1961725314" sldId="633"/>
            <ac:spMk id="16" creationId="{168A5166-6476-422A-89AE-11DC51C722AE}"/>
          </ac:spMkLst>
        </pc:spChg>
        <pc:spChg chg="del">
          <ac:chgData name="Valerie Neilson" userId="35630ace-dead-42e1-83b9-be998d44ae75" providerId="ADAL" clId="{BA01E8A0-46E7-4D55-8551-828788C4024B}" dt="2022-05-13T21:01:02.519" v="11" actId="478"/>
          <ac:spMkLst>
            <pc:docMk/>
            <pc:sldMk cId="1961725314" sldId="633"/>
            <ac:spMk id="18" creationId="{9B525360-26F6-42D8-A582-5D1467AE4C06}"/>
          </ac:spMkLst>
        </pc:spChg>
        <pc:spChg chg="del">
          <ac:chgData name="Valerie Neilson" userId="35630ace-dead-42e1-83b9-be998d44ae75" providerId="ADAL" clId="{BA01E8A0-46E7-4D55-8551-828788C4024B}" dt="2022-05-13T21:01:02.519" v="11" actId="478"/>
          <ac:spMkLst>
            <pc:docMk/>
            <pc:sldMk cId="1961725314" sldId="633"/>
            <ac:spMk id="20" creationId="{28668C1B-5A88-4889-BBDD-865A7C83BD23}"/>
          </ac:spMkLst>
        </pc:spChg>
        <pc:spChg chg="del">
          <ac:chgData name="Valerie Neilson" userId="35630ace-dead-42e1-83b9-be998d44ae75" providerId="ADAL" clId="{BA01E8A0-46E7-4D55-8551-828788C4024B}" dt="2022-05-13T21:01:02.519" v="11" actId="478"/>
          <ac:spMkLst>
            <pc:docMk/>
            <pc:sldMk cId="1961725314" sldId="633"/>
            <ac:spMk id="22" creationId="{1AF6DDCA-D778-4F00-ACA5-1F4183A9C5FD}"/>
          </ac:spMkLst>
        </pc:spChg>
        <pc:spChg chg="del">
          <ac:chgData name="Valerie Neilson" userId="35630ace-dead-42e1-83b9-be998d44ae75" providerId="ADAL" clId="{BA01E8A0-46E7-4D55-8551-828788C4024B}" dt="2022-05-13T21:01:02.519" v="11" actId="478"/>
          <ac:spMkLst>
            <pc:docMk/>
            <pc:sldMk cId="1961725314" sldId="633"/>
            <ac:spMk id="24" creationId="{25CE5C78-F3C9-44FD-B2B0-E993C2476177}"/>
          </ac:spMkLst>
        </pc:spChg>
        <pc:spChg chg="del">
          <ac:chgData name="Valerie Neilson" userId="35630ace-dead-42e1-83b9-be998d44ae75" providerId="ADAL" clId="{BA01E8A0-46E7-4D55-8551-828788C4024B}" dt="2022-05-13T21:01:02.519" v="11" actId="478"/>
          <ac:spMkLst>
            <pc:docMk/>
            <pc:sldMk cId="1961725314" sldId="633"/>
            <ac:spMk id="26" creationId="{EBA39E6D-5C61-449B-A063-97E7245DA7D7}"/>
          </ac:spMkLst>
        </pc:spChg>
        <pc:spChg chg="del">
          <ac:chgData name="Valerie Neilson" userId="35630ace-dead-42e1-83b9-be998d44ae75" providerId="ADAL" clId="{BA01E8A0-46E7-4D55-8551-828788C4024B}" dt="2022-05-13T21:01:02.519" v="11" actId="478"/>
          <ac:spMkLst>
            <pc:docMk/>
            <pc:sldMk cId="1961725314" sldId="633"/>
            <ac:spMk id="28" creationId="{E9715EEE-F70B-43F5-B48F-1913E48F7073}"/>
          </ac:spMkLst>
        </pc:spChg>
        <pc:spChg chg="del">
          <ac:chgData name="Valerie Neilson" userId="35630ace-dead-42e1-83b9-be998d44ae75" providerId="ADAL" clId="{BA01E8A0-46E7-4D55-8551-828788C4024B}" dt="2022-05-13T21:01:02.519" v="11" actId="478"/>
          <ac:spMkLst>
            <pc:docMk/>
            <pc:sldMk cId="1961725314" sldId="633"/>
            <ac:spMk id="30" creationId="{167072AA-FC56-4351-A540-B201F44E6ED4}"/>
          </ac:spMkLst>
        </pc:spChg>
        <pc:spChg chg="del">
          <ac:chgData name="Valerie Neilson" userId="35630ace-dead-42e1-83b9-be998d44ae75" providerId="ADAL" clId="{BA01E8A0-46E7-4D55-8551-828788C4024B}" dt="2022-05-13T21:01:02.519" v="11" actId="478"/>
          <ac:spMkLst>
            <pc:docMk/>
            <pc:sldMk cId="1961725314" sldId="633"/>
            <ac:spMk id="32" creationId="{D0C62AC2-5025-4A0A-98CC-96211FFBF999}"/>
          </ac:spMkLst>
        </pc:spChg>
        <pc:spChg chg="del">
          <ac:chgData name="Valerie Neilson" userId="35630ace-dead-42e1-83b9-be998d44ae75" providerId="ADAL" clId="{BA01E8A0-46E7-4D55-8551-828788C4024B}" dt="2022-05-13T21:01:02.519" v="11" actId="478"/>
          <ac:spMkLst>
            <pc:docMk/>
            <pc:sldMk cId="1961725314" sldId="633"/>
            <ac:spMk id="34" creationId="{F42DAEAC-6B71-4EAB-8365-37B42FC01CF4}"/>
          </ac:spMkLst>
        </pc:spChg>
        <pc:spChg chg="del">
          <ac:chgData name="Valerie Neilson" userId="35630ace-dead-42e1-83b9-be998d44ae75" providerId="ADAL" clId="{BA01E8A0-46E7-4D55-8551-828788C4024B}" dt="2022-05-13T21:01:02.519" v="11" actId="478"/>
          <ac:spMkLst>
            <pc:docMk/>
            <pc:sldMk cId="1961725314" sldId="633"/>
            <ac:spMk id="35" creationId="{2A47B264-4C2A-4002-944C-C08501641F6A}"/>
          </ac:spMkLst>
        </pc:spChg>
        <pc:spChg chg="del">
          <ac:chgData name="Valerie Neilson" userId="35630ace-dead-42e1-83b9-be998d44ae75" providerId="ADAL" clId="{BA01E8A0-46E7-4D55-8551-828788C4024B}" dt="2022-05-13T21:01:02.519" v="11" actId="478"/>
          <ac:spMkLst>
            <pc:docMk/>
            <pc:sldMk cId="1961725314" sldId="633"/>
            <ac:spMk id="36" creationId="{A683D937-8998-4CF4-980F-886F6D3CC2B9}"/>
          </ac:spMkLst>
        </pc:spChg>
        <pc:spChg chg="del">
          <ac:chgData name="Valerie Neilson" userId="35630ace-dead-42e1-83b9-be998d44ae75" providerId="ADAL" clId="{BA01E8A0-46E7-4D55-8551-828788C4024B}" dt="2022-05-13T21:01:02.519" v="11" actId="478"/>
          <ac:spMkLst>
            <pc:docMk/>
            <pc:sldMk cId="1961725314" sldId="633"/>
            <ac:spMk id="37" creationId="{BBE0C877-0A5B-4E17-B25F-2FE0A289CCFD}"/>
          </ac:spMkLst>
        </pc:spChg>
        <pc:spChg chg="del">
          <ac:chgData name="Valerie Neilson" userId="35630ace-dead-42e1-83b9-be998d44ae75" providerId="ADAL" clId="{BA01E8A0-46E7-4D55-8551-828788C4024B}" dt="2022-05-13T21:01:02.519" v="11" actId="478"/>
          <ac:spMkLst>
            <pc:docMk/>
            <pc:sldMk cId="1961725314" sldId="633"/>
            <ac:spMk id="38" creationId="{2FB25A13-24BF-4E1C-99A3-CB51C5FDC766}"/>
          </ac:spMkLst>
        </pc:spChg>
        <pc:spChg chg="del">
          <ac:chgData name="Valerie Neilson" userId="35630ace-dead-42e1-83b9-be998d44ae75" providerId="ADAL" clId="{BA01E8A0-46E7-4D55-8551-828788C4024B}" dt="2022-05-13T21:01:02.519" v="11" actId="478"/>
          <ac:spMkLst>
            <pc:docMk/>
            <pc:sldMk cId="1961725314" sldId="633"/>
            <ac:spMk id="39" creationId="{659B6B1E-7DC2-4912-941B-9AFE9B4DCC4E}"/>
          </ac:spMkLst>
        </pc:spChg>
        <pc:spChg chg="del">
          <ac:chgData name="Valerie Neilson" userId="35630ace-dead-42e1-83b9-be998d44ae75" providerId="ADAL" clId="{BA01E8A0-46E7-4D55-8551-828788C4024B}" dt="2022-05-13T21:01:02.519" v="11" actId="478"/>
          <ac:spMkLst>
            <pc:docMk/>
            <pc:sldMk cId="1961725314" sldId="633"/>
            <ac:spMk id="40" creationId="{6758593F-246A-4EFD-BD83-FC98C24A3073}"/>
          </ac:spMkLst>
        </pc:spChg>
        <pc:spChg chg="del">
          <ac:chgData name="Valerie Neilson" userId="35630ace-dead-42e1-83b9-be998d44ae75" providerId="ADAL" clId="{BA01E8A0-46E7-4D55-8551-828788C4024B}" dt="2022-05-13T21:01:02.519" v="11" actId="478"/>
          <ac:spMkLst>
            <pc:docMk/>
            <pc:sldMk cId="1961725314" sldId="633"/>
            <ac:spMk id="41" creationId="{DC881AFB-4C9A-4834-A02E-531DA49A5DAA}"/>
          </ac:spMkLst>
        </pc:spChg>
        <pc:spChg chg="del">
          <ac:chgData name="Valerie Neilson" userId="35630ace-dead-42e1-83b9-be998d44ae75" providerId="ADAL" clId="{BA01E8A0-46E7-4D55-8551-828788C4024B}" dt="2022-05-13T21:01:02.519" v="11" actId="478"/>
          <ac:spMkLst>
            <pc:docMk/>
            <pc:sldMk cId="1961725314" sldId="633"/>
            <ac:spMk id="42" creationId="{DB7E3859-ED93-44A9-9A97-A5B2489EB4E8}"/>
          </ac:spMkLst>
        </pc:spChg>
        <pc:spChg chg="del">
          <ac:chgData name="Valerie Neilson" userId="35630ace-dead-42e1-83b9-be998d44ae75" providerId="ADAL" clId="{BA01E8A0-46E7-4D55-8551-828788C4024B}" dt="2022-05-13T21:01:02.519" v="11" actId="478"/>
          <ac:spMkLst>
            <pc:docMk/>
            <pc:sldMk cId="1961725314" sldId="633"/>
            <ac:spMk id="43" creationId="{06D3D5D4-5535-44E0-BEAB-E0EF3CF338B3}"/>
          </ac:spMkLst>
        </pc:spChg>
        <pc:spChg chg="del">
          <ac:chgData name="Valerie Neilson" userId="35630ace-dead-42e1-83b9-be998d44ae75" providerId="ADAL" clId="{BA01E8A0-46E7-4D55-8551-828788C4024B}" dt="2022-05-13T21:01:02.519" v="11" actId="478"/>
          <ac:spMkLst>
            <pc:docMk/>
            <pc:sldMk cId="1961725314" sldId="633"/>
            <ac:spMk id="44" creationId="{E3FA53B7-C6D8-4C49-B405-41C1E0C98E24}"/>
          </ac:spMkLst>
        </pc:spChg>
        <pc:spChg chg="del">
          <ac:chgData name="Valerie Neilson" userId="35630ace-dead-42e1-83b9-be998d44ae75" providerId="ADAL" clId="{BA01E8A0-46E7-4D55-8551-828788C4024B}" dt="2022-05-13T21:01:02.519" v="11" actId="478"/>
          <ac:spMkLst>
            <pc:docMk/>
            <pc:sldMk cId="1961725314" sldId="633"/>
            <ac:spMk id="45" creationId="{1038CD83-132D-46E5-8C72-773D2F6DCCD6}"/>
          </ac:spMkLst>
        </pc:spChg>
        <pc:spChg chg="del">
          <ac:chgData name="Valerie Neilson" userId="35630ace-dead-42e1-83b9-be998d44ae75" providerId="ADAL" clId="{BA01E8A0-46E7-4D55-8551-828788C4024B}" dt="2022-05-13T21:01:02.519" v="11" actId="478"/>
          <ac:spMkLst>
            <pc:docMk/>
            <pc:sldMk cId="1961725314" sldId="633"/>
            <ac:spMk id="46" creationId="{E0D8B039-FBFF-45A6-9286-B6A5636F89B1}"/>
          </ac:spMkLst>
        </pc:spChg>
        <pc:spChg chg="del">
          <ac:chgData name="Valerie Neilson" userId="35630ace-dead-42e1-83b9-be998d44ae75" providerId="ADAL" clId="{BA01E8A0-46E7-4D55-8551-828788C4024B}" dt="2022-05-13T21:01:02.519" v="11" actId="478"/>
          <ac:spMkLst>
            <pc:docMk/>
            <pc:sldMk cId="1961725314" sldId="633"/>
            <ac:spMk id="47" creationId="{73A7EAB5-F9BD-4ACB-8C33-809D2E88C40E}"/>
          </ac:spMkLst>
        </pc:spChg>
        <pc:spChg chg="del">
          <ac:chgData name="Valerie Neilson" userId="35630ace-dead-42e1-83b9-be998d44ae75" providerId="ADAL" clId="{BA01E8A0-46E7-4D55-8551-828788C4024B}" dt="2022-05-13T21:01:02.519" v="11" actId="478"/>
          <ac:spMkLst>
            <pc:docMk/>
            <pc:sldMk cId="1961725314" sldId="633"/>
            <ac:spMk id="48" creationId="{EEDAF03F-F3B1-41AF-915F-DE0D34DCAAB6}"/>
          </ac:spMkLst>
        </pc:spChg>
        <pc:spChg chg="del">
          <ac:chgData name="Valerie Neilson" userId="35630ace-dead-42e1-83b9-be998d44ae75" providerId="ADAL" clId="{BA01E8A0-46E7-4D55-8551-828788C4024B}" dt="2022-05-13T21:01:02.519" v="11" actId="478"/>
          <ac:spMkLst>
            <pc:docMk/>
            <pc:sldMk cId="1961725314" sldId="633"/>
            <ac:spMk id="49" creationId="{B6497F96-74C8-4659-8E1B-D4A83C83FBF7}"/>
          </ac:spMkLst>
        </pc:spChg>
        <pc:spChg chg="del">
          <ac:chgData name="Valerie Neilson" userId="35630ace-dead-42e1-83b9-be998d44ae75" providerId="ADAL" clId="{BA01E8A0-46E7-4D55-8551-828788C4024B}" dt="2022-05-13T21:01:02.519" v="11" actId="478"/>
          <ac:spMkLst>
            <pc:docMk/>
            <pc:sldMk cId="1961725314" sldId="633"/>
            <ac:spMk id="50" creationId="{37E41ECF-9905-4495-B4ED-D144515FAD87}"/>
          </ac:spMkLst>
        </pc:spChg>
        <pc:spChg chg="del">
          <ac:chgData name="Valerie Neilson" userId="35630ace-dead-42e1-83b9-be998d44ae75" providerId="ADAL" clId="{BA01E8A0-46E7-4D55-8551-828788C4024B}" dt="2022-05-13T21:01:02.519" v="11" actId="478"/>
          <ac:spMkLst>
            <pc:docMk/>
            <pc:sldMk cId="1961725314" sldId="633"/>
            <ac:spMk id="51" creationId="{C18BDC68-1715-4533-A225-F3659619C2A6}"/>
          </ac:spMkLst>
        </pc:spChg>
        <pc:spChg chg="del">
          <ac:chgData name="Valerie Neilson" userId="35630ace-dead-42e1-83b9-be998d44ae75" providerId="ADAL" clId="{BA01E8A0-46E7-4D55-8551-828788C4024B}" dt="2022-05-13T21:01:02.519" v="11" actId="478"/>
          <ac:spMkLst>
            <pc:docMk/>
            <pc:sldMk cId="1961725314" sldId="633"/>
            <ac:spMk id="52" creationId="{B752FE4F-A591-42B2-B4D9-9D615AEFA7EF}"/>
          </ac:spMkLst>
        </pc:spChg>
        <pc:spChg chg="del">
          <ac:chgData name="Valerie Neilson" userId="35630ace-dead-42e1-83b9-be998d44ae75" providerId="ADAL" clId="{BA01E8A0-46E7-4D55-8551-828788C4024B}" dt="2022-05-13T21:01:02.519" v="11" actId="478"/>
          <ac:spMkLst>
            <pc:docMk/>
            <pc:sldMk cId="1961725314" sldId="633"/>
            <ac:spMk id="54" creationId="{37520F52-A04C-41F5-BD00-46863E78499A}"/>
          </ac:spMkLst>
        </pc:spChg>
        <pc:spChg chg="del">
          <ac:chgData name="Valerie Neilson" userId="35630ace-dead-42e1-83b9-be998d44ae75" providerId="ADAL" clId="{BA01E8A0-46E7-4D55-8551-828788C4024B}" dt="2022-05-13T21:01:02.519" v="11" actId="478"/>
          <ac:spMkLst>
            <pc:docMk/>
            <pc:sldMk cId="1961725314" sldId="633"/>
            <ac:spMk id="55" creationId="{8CBE8468-92D2-4B46-AAA5-459CF79E6CDE}"/>
          </ac:spMkLst>
        </pc:spChg>
        <pc:spChg chg="del">
          <ac:chgData name="Valerie Neilson" userId="35630ace-dead-42e1-83b9-be998d44ae75" providerId="ADAL" clId="{BA01E8A0-46E7-4D55-8551-828788C4024B}" dt="2022-05-13T21:01:02.519" v="11" actId="478"/>
          <ac:spMkLst>
            <pc:docMk/>
            <pc:sldMk cId="1961725314" sldId="633"/>
            <ac:spMk id="56" creationId="{FC19249A-5728-403B-8271-31FBA944006F}"/>
          </ac:spMkLst>
        </pc:spChg>
        <pc:spChg chg="del">
          <ac:chgData name="Valerie Neilson" userId="35630ace-dead-42e1-83b9-be998d44ae75" providerId="ADAL" clId="{BA01E8A0-46E7-4D55-8551-828788C4024B}" dt="2022-05-13T21:01:02.519" v="11" actId="478"/>
          <ac:spMkLst>
            <pc:docMk/>
            <pc:sldMk cId="1961725314" sldId="633"/>
            <ac:spMk id="57" creationId="{A5B56A28-98BB-4C5E-95AC-D850CC7A488D}"/>
          </ac:spMkLst>
        </pc:spChg>
        <pc:spChg chg="del">
          <ac:chgData name="Valerie Neilson" userId="35630ace-dead-42e1-83b9-be998d44ae75" providerId="ADAL" clId="{BA01E8A0-46E7-4D55-8551-828788C4024B}" dt="2022-05-13T21:01:02.519" v="11" actId="478"/>
          <ac:spMkLst>
            <pc:docMk/>
            <pc:sldMk cId="1961725314" sldId="633"/>
            <ac:spMk id="58" creationId="{67C28177-6249-4295-8C5C-D507BACB4C5B}"/>
          </ac:spMkLst>
        </pc:spChg>
        <pc:spChg chg="del">
          <ac:chgData name="Valerie Neilson" userId="35630ace-dead-42e1-83b9-be998d44ae75" providerId="ADAL" clId="{BA01E8A0-46E7-4D55-8551-828788C4024B}" dt="2022-05-13T21:01:02.519" v="11" actId="478"/>
          <ac:spMkLst>
            <pc:docMk/>
            <pc:sldMk cId="1961725314" sldId="633"/>
            <ac:spMk id="59" creationId="{D3E01CB2-2A06-48C9-94EB-596E11DB0DC0}"/>
          </ac:spMkLst>
        </pc:spChg>
        <pc:spChg chg="del">
          <ac:chgData name="Valerie Neilson" userId="35630ace-dead-42e1-83b9-be998d44ae75" providerId="ADAL" clId="{BA01E8A0-46E7-4D55-8551-828788C4024B}" dt="2022-05-13T21:01:02.519" v="11" actId="478"/>
          <ac:spMkLst>
            <pc:docMk/>
            <pc:sldMk cId="1961725314" sldId="633"/>
            <ac:spMk id="61" creationId="{C2BE8751-7E43-446E-9485-0F84BF202A82}"/>
          </ac:spMkLst>
        </pc:spChg>
        <pc:spChg chg="del">
          <ac:chgData name="Valerie Neilson" userId="35630ace-dead-42e1-83b9-be998d44ae75" providerId="ADAL" clId="{BA01E8A0-46E7-4D55-8551-828788C4024B}" dt="2022-05-13T21:01:02.519" v="11" actId="478"/>
          <ac:spMkLst>
            <pc:docMk/>
            <pc:sldMk cId="1961725314" sldId="633"/>
            <ac:spMk id="62" creationId="{61B3C791-7FC4-4DDE-BA89-3CA2A950487A}"/>
          </ac:spMkLst>
        </pc:spChg>
        <pc:spChg chg="del">
          <ac:chgData name="Valerie Neilson" userId="35630ace-dead-42e1-83b9-be998d44ae75" providerId="ADAL" clId="{BA01E8A0-46E7-4D55-8551-828788C4024B}" dt="2022-05-13T21:01:02.519" v="11" actId="478"/>
          <ac:spMkLst>
            <pc:docMk/>
            <pc:sldMk cId="1961725314" sldId="633"/>
            <ac:spMk id="63" creationId="{9F4C735D-90F6-44EE-81B7-44E557147E02}"/>
          </ac:spMkLst>
        </pc:spChg>
        <pc:spChg chg="del">
          <ac:chgData name="Valerie Neilson" userId="35630ace-dead-42e1-83b9-be998d44ae75" providerId="ADAL" clId="{BA01E8A0-46E7-4D55-8551-828788C4024B}" dt="2022-05-13T21:01:02.519" v="11" actId="478"/>
          <ac:spMkLst>
            <pc:docMk/>
            <pc:sldMk cId="1961725314" sldId="633"/>
            <ac:spMk id="64" creationId="{AF66744D-EDD8-43C1-8FB5-B205A9FE5778}"/>
          </ac:spMkLst>
        </pc:spChg>
        <pc:spChg chg="del">
          <ac:chgData name="Valerie Neilson" userId="35630ace-dead-42e1-83b9-be998d44ae75" providerId="ADAL" clId="{BA01E8A0-46E7-4D55-8551-828788C4024B}" dt="2022-05-13T21:01:02.519" v="11" actId="478"/>
          <ac:spMkLst>
            <pc:docMk/>
            <pc:sldMk cId="1961725314" sldId="633"/>
            <ac:spMk id="65" creationId="{DF57633C-B90D-4C18-BAF1-31708E7D4D09}"/>
          </ac:spMkLst>
        </pc:spChg>
        <pc:spChg chg="del">
          <ac:chgData name="Valerie Neilson" userId="35630ace-dead-42e1-83b9-be998d44ae75" providerId="ADAL" clId="{BA01E8A0-46E7-4D55-8551-828788C4024B}" dt="2022-05-13T21:01:02.519" v="11" actId="478"/>
          <ac:spMkLst>
            <pc:docMk/>
            <pc:sldMk cId="1961725314" sldId="633"/>
            <ac:spMk id="66" creationId="{C01C0B83-D5DC-4651-8EEE-283EDCA54BF6}"/>
          </ac:spMkLst>
        </pc:spChg>
        <pc:spChg chg="del">
          <ac:chgData name="Valerie Neilson" userId="35630ace-dead-42e1-83b9-be998d44ae75" providerId="ADAL" clId="{BA01E8A0-46E7-4D55-8551-828788C4024B}" dt="2022-05-13T21:01:02.519" v="11" actId="478"/>
          <ac:spMkLst>
            <pc:docMk/>
            <pc:sldMk cId="1961725314" sldId="633"/>
            <ac:spMk id="67" creationId="{4F778136-5591-419D-B98F-95542C2118E0}"/>
          </ac:spMkLst>
        </pc:spChg>
        <pc:spChg chg="del">
          <ac:chgData name="Valerie Neilson" userId="35630ace-dead-42e1-83b9-be998d44ae75" providerId="ADAL" clId="{BA01E8A0-46E7-4D55-8551-828788C4024B}" dt="2022-05-13T21:01:02.519" v="11" actId="478"/>
          <ac:spMkLst>
            <pc:docMk/>
            <pc:sldMk cId="1961725314" sldId="633"/>
            <ac:spMk id="68" creationId="{273FB59B-D386-45EC-8A6D-F31AE2645EB2}"/>
          </ac:spMkLst>
        </pc:spChg>
        <pc:spChg chg="del">
          <ac:chgData name="Valerie Neilson" userId="35630ace-dead-42e1-83b9-be998d44ae75" providerId="ADAL" clId="{BA01E8A0-46E7-4D55-8551-828788C4024B}" dt="2022-05-13T21:01:02.519" v="11" actId="478"/>
          <ac:spMkLst>
            <pc:docMk/>
            <pc:sldMk cId="1961725314" sldId="633"/>
            <ac:spMk id="69" creationId="{EB66BC47-6CBE-4C52-9630-CD375FACBDF8}"/>
          </ac:spMkLst>
        </pc:spChg>
        <pc:spChg chg="del">
          <ac:chgData name="Valerie Neilson" userId="35630ace-dead-42e1-83b9-be998d44ae75" providerId="ADAL" clId="{BA01E8A0-46E7-4D55-8551-828788C4024B}" dt="2022-05-13T21:01:02.519" v="11" actId="478"/>
          <ac:spMkLst>
            <pc:docMk/>
            <pc:sldMk cId="1961725314" sldId="633"/>
            <ac:spMk id="71" creationId="{7E8E80FD-71B0-43D6-BAC3-A04DD64B739F}"/>
          </ac:spMkLst>
        </pc:spChg>
        <pc:spChg chg="del">
          <ac:chgData name="Valerie Neilson" userId="35630ace-dead-42e1-83b9-be998d44ae75" providerId="ADAL" clId="{BA01E8A0-46E7-4D55-8551-828788C4024B}" dt="2022-05-13T21:01:02.519" v="11" actId="478"/>
          <ac:spMkLst>
            <pc:docMk/>
            <pc:sldMk cId="1961725314" sldId="633"/>
            <ac:spMk id="72" creationId="{483A6877-2062-4009-B448-A0D2D281495F}"/>
          </ac:spMkLst>
        </pc:spChg>
        <pc:spChg chg="del">
          <ac:chgData name="Valerie Neilson" userId="35630ace-dead-42e1-83b9-be998d44ae75" providerId="ADAL" clId="{BA01E8A0-46E7-4D55-8551-828788C4024B}" dt="2022-05-13T21:01:02.519" v="11" actId="478"/>
          <ac:spMkLst>
            <pc:docMk/>
            <pc:sldMk cId="1961725314" sldId="633"/>
            <ac:spMk id="73" creationId="{39F476FF-516F-4C3C-99F2-4F16E48F8726}"/>
          </ac:spMkLst>
        </pc:spChg>
        <pc:spChg chg="del">
          <ac:chgData name="Valerie Neilson" userId="35630ace-dead-42e1-83b9-be998d44ae75" providerId="ADAL" clId="{BA01E8A0-46E7-4D55-8551-828788C4024B}" dt="2022-05-13T21:01:02.519" v="11" actId="478"/>
          <ac:spMkLst>
            <pc:docMk/>
            <pc:sldMk cId="1961725314" sldId="633"/>
            <ac:spMk id="74" creationId="{FF0FF6AF-A5ED-4AB2-9FED-74E8580C666F}"/>
          </ac:spMkLst>
        </pc:spChg>
        <pc:spChg chg="del">
          <ac:chgData name="Valerie Neilson" userId="35630ace-dead-42e1-83b9-be998d44ae75" providerId="ADAL" clId="{BA01E8A0-46E7-4D55-8551-828788C4024B}" dt="2022-05-13T21:01:02.519" v="11" actId="478"/>
          <ac:spMkLst>
            <pc:docMk/>
            <pc:sldMk cId="1961725314" sldId="633"/>
            <ac:spMk id="75" creationId="{C1670711-9163-4FE9-9D7A-A0047532CAD4}"/>
          </ac:spMkLst>
        </pc:spChg>
        <pc:spChg chg="del">
          <ac:chgData name="Valerie Neilson" userId="35630ace-dead-42e1-83b9-be998d44ae75" providerId="ADAL" clId="{BA01E8A0-46E7-4D55-8551-828788C4024B}" dt="2022-05-13T21:01:02.519" v="11" actId="478"/>
          <ac:spMkLst>
            <pc:docMk/>
            <pc:sldMk cId="1961725314" sldId="633"/>
            <ac:spMk id="76" creationId="{2BC90D56-9E29-487E-8A97-CC0C44CACBC4}"/>
          </ac:spMkLst>
        </pc:spChg>
        <pc:spChg chg="del">
          <ac:chgData name="Valerie Neilson" userId="35630ace-dead-42e1-83b9-be998d44ae75" providerId="ADAL" clId="{BA01E8A0-46E7-4D55-8551-828788C4024B}" dt="2022-05-13T21:01:02.519" v="11" actId="478"/>
          <ac:spMkLst>
            <pc:docMk/>
            <pc:sldMk cId="1961725314" sldId="633"/>
            <ac:spMk id="77" creationId="{A2D61898-B8A4-42B9-9487-47E8123558FC}"/>
          </ac:spMkLst>
        </pc:spChg>
        <pc:spChg chg="del">
          <ac:chgData name="Valerie Neilson" userId="35630ace-dead-42e1-83b9-be998d44ae75" providerId="ADAL" clId="{BA01E8A0-46E7-4D55-8551-828788C4024B}" dt="2022-05-13T21:01:02.519" v="11" actId="478"/>
          <ac:spMkLst>
            <pc:docMk/>
            <pc:sldMk cId="1961725314" sldId="633"/>
            <ac:spMk id="78" creationId="{3A2A24E7-CD8C-41D3-B460-89766FF1006C}"/>
          </ac:spMkLst>
        </pc:spChg>
        <pc:spChg chg="del">
          <ac:chgData name="Valerie Neilson" userId="35630ace-dead-42e1-83b9-be998d44ae75" providerId="ADAL" clId="{BA01E8A0-46E7-4D55-8551-828788C4024B}" dt="2022-05-13T21:01:02.519" v="11" actId="478"/>
          <ac:spMkLst>
            <pc:docMk/>
            <pc:sldMk cId="1961725314" sldId="633"/>
            <ac:spMk id="79" creationId="{962BD99C-E153-436A-A9E0-B78831A5B722}"/>
          </ac:spMkLst>
        </pc:spChg>
        <pc:spChg chg="del">
          <ac:chgData name="Valerie Neilson" userId="35630ace-dead-42e1-83b9-be998d44ae75" providerId="ADAL" clId="{BA01E8A0-46E7-4D55-8551-828788C4024B}" dt="2022-05-13T21:01:02.519" v="11" actId="478"/>
          <ac:spMkLst>
            <pc:docMk/>
            <pc:sldMk cId="1961725314" sldId="633"/>
            <ac:spMk id="80" creationId="{C122DFC6-06C8-4F4B-BEC5-EE495C59506F}"/>
          </ac:spMkLst>
        </pc:spChg>
        <pc:spChg chg="del">
          <ac:chgData name="Valerie Neilson" userId="35630ace-dead-42e1-83b9-be998d44ae75" providerId="ADAL" clId="{BA01E8A0-46E7-4D55-8551-828788C4024B}" dt="2022-05-13T21:01:02.519" v="11" actId="478"/>
          <ac:spMkLst>
            <pc:docMk/>
            <pc:sldMk cId="1961725314" sldId="633"/>
            <ac:spMk id="81" creationId="{D62D0642-8B3C-48C4-A4F4-853895E2B2A0}"/>
          </ac:spMkLst>
        </pc:spChg>
        <pc:spChg chg="del">
          <ac:chgData name="Valerie Neilson" userId="35630ace-dead-42e1-83b9-be998d44ae75" providerId="ADAL" clId="{BA01E8A0-46E7-4D55-8551-828788C4024B}" dt="2022-05-13T21:01:02.519" v="11" actId="478"/>
          <ac:spMkLst>
            <pc:docMk/>
            <pc:sldMk cId="1961725314" sldId="633"/>
            <ac:spMk id="82" creationId="{047EBA42-44F2-496C-A6FE-EB7407FEEFF2}"/>
          </ac:spMkLst>
        </pc:spChg>
        <pc:spChg chg="mod">
          <ac:chgData name="Valerie Neilson" userId="35630ace-dead-42e1-83b9-be998d44ae75" providerId="ADAL" clId="{BA01E8A0-46E7-4D55-8551-828788C4024B}" dt="2022-05-16T20:44:13.967" v="77" actId="208"/>
          <ac:spMkLst>
            <pc:docMk/>
            <pc:sldMk cId="1961725314" sldId="633"/>
            <ac:spMk id="84" creationId="{1957E7CD-A156-FC6E-D6A2-93F7A8EE778E}"/>
          </ac:spMkLst>
        </pc:spChg>
        <pc:spChg chg="mod">
          <ac:chgData name="Valerie Neilson" userId="35630ace-dead-42e1-83b9-be998d44ae75" providerId="ADAL" clId="{BA01E8A0-46E7-4D55-8551-828788C4024B}" dt="2022-05-13T21:01:11.926" v="17"/>
          <ac:spMkLst>
            <pc:docMk/>
            <pc:sldMk cId="1961725314" sldId="633"/>
            <ac:spMk id="98" creationId="{4F9F234C-D50F-15B5-732B-797BD13393E0}"/>
          </ac:spMkLst>
        </pc:spChg>
        <pc:spChg chg="mod">
          <ac:chgData name="Valerie Neilson" userId="35630ace-dead-42e1-83b9-be998d44ae75" providerId="ADAL" clId="{BA01E8A0-46E7-4D55-8551-828788C4024B}" dt="2022-05-13T21:01:11.926" v="17"/>
          <ac:spMkLst>
            <pc:docMk/>
            <pc:sldMk cId="1961725314" sldId="633"/>
            <ac:spMk id="99" creationId="{7376B586-155B-7CA2-0041-F8AE278CE276}"/>
          </ac:spMkLst>
        </pc:spChg>
        <pc:spChg chg="mod">
          <ac:chgData name="Valerie Neilson" userId="35630ace-dead-42e1-83b9-be998d44ae75" providerId="ADAL" clId="{BA01E8A0-46E7-4D55-8551-828788C4024B}" dt="2022-05-13T21:01:11.926" v="17"/>
          <ac:spMkLst>
            <pc:docMk/>
            <pc:sldMk cId="1961725314" sldId="633"/>
            <ac:spMk id="100" creationId="{DA025189-F397-041C-BD1A-E99C0D8FA621}"/>
          </ac:spMkLst>
        </pc:spChg>
        <pc:spChg chg="mod">
          <ac:chgData name="Valerie Neilson" userId="35630ace-dead-42e1-83b9-be998d44ae75" providerId="ADAL" clId="{BA01E8A0-46E7-4D55-8551-828788C4024B}" dt="2022-05-13T21:01:11.926" v="17"/>
          <ac:spMkLst>
            <pc:docMk/>
            <pc:sldMk cId="1961725314" sldId="633"/>
            <ac:spMk id="102" creationId="{DD7E44E2-5CCE-6D8F-223B-3784850F3458}"/>
          </ac:spMkLst>
        </pc:spChg>
        <pc:spChg chg="mod">
          <ac:chgData name="Valerie Neilson" userId="35630ace-dead-42e1-83b9-be998d44ae75" providerId="ADAL" clId="{BA01E8A0-46E7-4D55-8551-828788C4024B}" dt="2022-05-13T21:01:11.926" v="17"/>
          <ac:spMkLst>
            <pc:docMk/>
            <pc:sldMk cId="1961725314" sldId="633"/>
            <ac:spMk id="104" creationId="{DDBCEF4E-7920-01F1-CB4F-89E6DB4DE0DB}"/>
          </ac:spMkLst>
        </pc:spChg>
        <pc:spChg chg="mod">
          <ac:chgData name="Valerie Neilson" userId="35630ace-dead-42e1-83b9-be998d44ae75" providerId="ADAL" clId="{BA01E8A0-46E7-4D55-8551-828788C4024B}" dt="2022-05-13T21:01:11.926" v="17"/>
          <ac:spMkLst>
            <pc:docMk/>
            <pc:sldMk cId="1961725314" sldId="633"/>
            <ac:spMk id="106" creationId="{866D6794-17CA-C465-F546-54EE8AE8D945}"/>
          </ac:spMkLst>
        </pc:spChg>
        <pc:spChg chg="mod">
          <ac:chgData name="Valerie Neilson" userId="35630ace-dead-42e1-83b9-be998d44ae75" providerId="ADAL" clId="{BA01E8A0-46E7-4D55-8551-828788C4024B}" dt="2022-05-13T21:01:11.926" v="17"/>
          <ac:spMkLst>
            <pc:docMk/>
            <pc:sldMk cId="1961725314" sldId="633"/>
            <ac:spMk id="108" creationId="{7E36200E-499B-006A-54B8-AE4CA1C18E55}"/>
          </ac:spMkLst>
        </pc:spChg>
        <pc:spChg chg="mod">
          <ac:chgData name="Valerie Neilson" userId="35630ace-dead-42e1-83b9-be998d44ae75" providerId="ADAL" clId="{BA01E8A0-46E7-4D55-8551-828788C4024B}" dt="2022-05-13T21:01:11.926" v="17"/>
          <ac:spMkLst>
            <pc:docMk/>
            <pc:sldMk cId="1961725314" sldId="633"/>
            <ac:spMk id="110" creationId="{7DEC868D-1AF5-71E9-3DD8-B39AC039AA03}"/>
          </ac:spMkLst>
        </pc:spChg>
        <pc:spChg chg="mod">
          <ac:chgData name="Valerie Neilson" userId="35630ace-dead-42e1-83b9-be998d44ae75" providerId="ADAL" clId="{BA01E8A0-46E7-4D55-8551-828788C4024B}" dt="2022-05-13T21:04:12.865" v="20" actId="20577"/>
          <ac:spMkLst>
            <pc:docMk/>
            <pc:sldMk cId="1961725314" sldId="633"/>
            <ac:spMk id="112" creationId="{62961B23-A4BB-AAF3-1D71-9E1B8AC2E89B}"/>
          </ac:spMkLst>
        </pc:spChg>
        <pc:spChg chg="mod">
          <ac:chgData name="Valerie Neilson" userId="35630ace-dead-42e1-83b9-be998d44ae75" providerId="ADAL" clId="{BA01E8A0-46E7-4D55-8551-828788C4024B}" dt="2022-05-13T21:01:11.926" v="17"/>
          <ac:spMkLst>
            <pc:docMk/>
            <pc:sldMk cId="1961725314" sldId="633"/>
            <ac:spMk id="114" creationId="{EEB327FB-8F14-09D9-B424-505A16CEA303}"/>
          </ac:spMkLst>
        </pc:spChg>
        <pc:spChg chg="mod">
          <ac:chgData name="Valerie Neilson" userId="35630ace-dead-42e1-83b9-be998d44ae75" providerId="ADAL" clId="{BA01E8A0-46E7-4D55-8551-828788C4024B}" dt="2022-05-13T21:01:11.926" v="17"/>
          <ac:spMkLst>
            <pc:docMk/>
            <pc:sldMk cId="1961725314" sldId="633"/>
            <ac:spMk id="116" creationId="{E79CE700-4FB6-2A05-97E3-2D005517F3F9}"/>
          </ac:spMkLst>
        </pc:spChg>
        <pc:spChg chg="mod">
          <ac:chgData name="Valerie Neilson" userId="35630ace-dead-42e1-83b9-be998d44ae75" providerId="ADAL" clId="{BA01E8A0-46E7-4D55-8551-828788C4024B}" dt="2022-05-13T21:01:11.926" v="17"/>
          <ac:spMkLst>
            <pc:docMk/>
            <pc:sldMk cId="1961725314" sldId="633"/>
            <ac:spMk id="118" creationId="{BCC47A90-72B2-6876-9C86-EB9657857522}"/>
          </ac:spMkLst>
        </pc:spChg>
        <pc:spChg chg="mod">
          <ac:chgData name="Valerie Neilson" userId="35630ace-dead-42e1-83b9-be998d44ae75" providerId="ADAL" clId="{BA01E8A0-46E7-4D55-8551-828788C4024B}" dt="2022-05-13T21:01:11.926" v="17"/>
          <ac:spMkLst>
            <pc:docMk/>
            <pc:sldMk cId="1961725314" sldId="633"/>
            <ac:spMk id="120" creationId="{10BF075F-6DCA-6EC7-E52E-495BFBAD513C}"/>
          </ac:spMkLst>
        </pc:spChg>
        <pc:spChg chg="mod">
          <ac:chgData name="Valerie Neilson" userId="35630ace-dead-42e1-83b9-be998d44ae75" providerId="ADAL" clId="{BA01E8A0-46E7-4D55-8551-828788C4024B}" dt="2022-05-13T21:01:11.926" v="17"/>
          <ac:spMkLst>
            <pc:docMk/>
            <pc:sldMk cId="1961725314" sldId="633"/>
            <ac:spMk id="122" creationId="{701A3775-830D-DD53-715D-2BBC7CA97C8D}"/>
          </ac:spMkLst>
        </pc:spChg>
        <pc:spChg chg="mod">
          <ac:chgData name="Valerie Neilson" userId="35630ace-dead-42e1-83b9-be998d44ae75" providerId="ADAL" clId="{BA01E8A0-46E7-4D55-8551-828788C4024B}" dt="2022-05-13T21:01:11.926" v="17"/>
          <ac:spMkLst>
            <pc:docMk/>
            <pc:sldMk cId="1961725314" sldId="633"/>
            <ac:spMk id="123" creationId="{7DA51D00-7826-E704-73F0-96E5E5E2316E}"/>
          </ac:spMkLst>
        </pc:spChg>
        <pc:spChg chg="mod">
          <ac:chgData name="Valerie Neilson" userId="35630ace-dead-42e1-83b9-be998d44ae75" providerId="ADAL" clId="{BA01E8A0-46E7-4D55-8551-828788C4024B}" dt="2022-05-13T21:01:11.926" v="17"/>
          <ac:spMkLst>
            <pc:docMk/>
            <pc:sldMk cId="1961725314" sldId="633"/>
            <ac:spMk id="124" creationId="{FBC9554C-1A68-2C09-B16C-00400961840B}"/>
          </ac:spMkLst>
        </pc:spChg>
        <pc:spChg chg="mod">
          <ac:chgData name="Valerie Neilson" userId="35630ace-dead-42e1-83b9-be998d44ae75" providerId="ADAL" clId="{BA01E8A0-46E7-4D55-8551-828788C4024B}" dt="2022-05-13T21:01:11.926" v="17"/>
          <ac:spMkLst>
            <pc:docMk/>
            <pc:sldMk cId="1961725314" sldId="633"/>
            <ac:spMk id="125" creationId="{BFB7008B-4785-C20D-EA32-29FFBDEBB708}"/>
          </ac:spMkLst>
        </pc:spChg>
        <pc:spChg chg="mod">
          <ac:chgData name="Valerie Neilson" userId="35630ace-dead-42e1-83b9-be998d44ae75" providerId="ADAL" clId="{BA01E8A0-46E7-4D55-8551-828788C4024B}" dt="2022-05-13T21:01:11.926" v="17"/>
          <ac:spMkLst>
            <pc:docMk/>
            <pc:sldMk cId="1961725314" sldId="633"/>
            <ac:spMk id="126" creationId="{97EE9F78-DD3B-3A8A-EC6E-57B4DDE1D0E3}"/>
          </ac:spMkLst>
        </pc:spChg>
        <pc:spChg chg="mod">
          <ac:chgData name="Valerie Neilson" userId="35630ace-dead-42e1-83b9-be998d44ae75" providerId="ADAL" clId="{BA01E8A0-46E7-4D55-8551-828788C4024B}" dt="2022-05-13T21:01:11.926" v="17"/>
          <ac:spMkLst>
            <pc:docMk/>
            <pc:sldMk cId="1961725314" sldId="633"/>
            <ac:spMk id="127" creationId="{BA5A9482-D406-C528-9541-0974428065A0}"/>
          </ac:spMkLst>
        </pc:spChg>
        <pc:spChg chg="mod">
          <ac:chgData name="Valerie Neilson" userId="35630ace-dead-42e1-83b9-be998d44ae75" providerId="ADAL" clId="{BA01E8A0-46E7-4D55-8551-828788C4024B}" dt="2022-05-13T21:01:11.926" v="17"/>
          <ac:spMkLst>
            <pc:docMk/>
            <pc:sldMk cId="1961725314" sldId="633"/>
            <ac:spMk id="128" creationId="{2C2D2ECA-EA73-5A37-DF96-4007BD0002AB}"/>
          </ac:spMkLst>
        </pc:spChg>
        <pc:spChg chg="mod">
          <ac:chgData name="Valerie Neilson" userId="35630ace-dead-42e1-83b9-be998d44ae75" providerId="ADAL" clId="{BA01E8A0-46E7-4D55-8551-828788C4024B}" dt="2022-05-13T21:01:11.926" v="17"/>
          <ac:spMkLst>
            <pc:docMk/>
            <pc:sldMk cId="1961725314" sldId="633"/>
            <ac:spMk id="129" creationId="{812743A0-2876-EDAD-5280-9B11DA50E67F}"/>
          </ac:spMkLst>
        </pc:spChg>
        <pc:spChg chg="mod">
          <ac:chgData name="Valerie Neilson" userId="35630ace-dead-42e1-83b9-be998d44ae75" providerId="ADAL" clId="{BA01E8A0-46E7-4D55-8551-828788C4024B}" dt="2022-05-13T21:01:11.926" v="17"/>
          <ac:spMkLst>
            <pc:docMk/>
            <pc:sldMk cId="1961725314" sldId="633"/>
            <ac:spMk id="130" creationId="{6725B5E9-B5C1-5F2B-49A8-1BA66317C689}"/>
          </ac:spMkLst>
        </pc:spChg>
        <pc:spChg chg="mod">
          <ac:chgData name="Valerie Neilson" userId="35630ace-dead-42e1-83b9-be998d44ae75" providerId="ADAL" clId="{BA01E8A0-46E7-4D55-8551-828788C4024B}" dt="2022-05-13T21:01:11.926" v="17"/>
          <ac:spMkLst>
            <pc:docMk/>
            <pc:sldMk cId="1961725314" sldId="633"/>
            <ac:spMk id="131" creationId="{C6EECE7A-F0B1-A792-3B8A-7372030AD67C}"/>
          </ac:spMkLst>
        </pc:spChg>
        <pc:spChg chg="mod">
          <ac:chgData name="Valerie Neilson" userId="35630ace-dead-42e1-83b9-be998d44ae75" providerId="ADAL" clId="{BA01E8A0-46E7-4D55-8551-828788C4024B}" dt="2022-05-13T21:01:11.926" v="17"/>
          <ac:spMkLst>
            <pc:docMk/>
            <pc:sldMk cId="1961725314" sldId="633"/>
            <ac:spMk id="132" creationId="{C4FDF88D-6105-67D7-DE7E-C243DBDF07FA}"/>
          </ac:spMkLst>
        </pc:spChg>
        <pc:spChg chg="mod">
          <ac:chgData name="Valerie Neilson" userId="35630ace-dead-42e1-83b9-be998d44ae75" providerId="ADAL" clId="{BA01E8A0-46E7-4D55-8551-828788C4024B}" dt="2022-05-13T21:01:11.926" v="17"/>
          <ac:spMkLst>
            <pc:docMk/>
            <pc:sldMk cId="1961725314" sldId="633"/>
            <ac:spMk id="133" creationId="{DA1597CF-DD0F-F964-2CE4-CF90779521FE}"/>
          </ac:spMkLst>
        </pc:spChg>
        <pc:spChg chg="mod">
          <ac:chgData name="Valerie Neilson" userId="35630ace-dead-42e1-83b9-be998d44ae75" providerId="ADAL" clId="{BA01E8A0-46E7-4D55-8551-828788C4024B}" dt="2022-05-13T21:01:11.926" v="17"/>
          <ac:spMkLst>
            <pc:docMk/>
            <pc:sldMk cId="1961725314" sldId="633"/>
            <ac:spMk id="134" creationId="{25A0A9E3-0775-B134-3A8B-D5FDA0632148}"/>
          </ac:spMkLst>
        </pc:spChg>
        <pc:spChg chg="mod">
          <ac:chgData name="Valerie Neilson" userId="35630ace-dead-42e1-83b9-be998d44ae75" providerId="ADAL" clId="{BA01E8A0-46E7-4D55-8551-828788C4024B}" dt="2022-05-13T21:01:11.926" v="17"/>
          <ac:spMkLst>
            <pc:docMk/>
            <pc:sldMk cId="1961725314" sldId="633"/>
            <ac:spMk id="135" creationId="{88FE845F-B879-8F02-0507-9639C8329B6F}"/>
          </ac:spMkLst>
        </pc:spChg>
        <pc:spChg chg="mod">
          <ac:chgData name="Valerie Neilson" userId="35630ace-dead-42e1-83b9-be998d44ae75" providerId="ADAL" clId="{BA01E8A0-46E7-4D55-8551-828788C4024B}" dt="2022-05-13T21:01:11.926" v="17"/>
          <ac:spMkLst>
            <pc:docMk/>
            <pc:sldMk cId="1961725314" sldId="633"/>
            <ac:spMk id="136" creationId="{876FFE4C-B487-9214-7E2E-E91262F79C20}"/>
          </ac:spMkLst>
        </pc:spChg>
        <pc:spChg chg="mod">
          <ac:chgData name="Valerie Neilson" userId="35630ace-dead-42e1-83b9-be998d44ae75" providerId="ADAL" clId="{BA01E8A0-46E7-4D55-8551-828788C4024B}" dt="2022-05-13T21:01:11.926" v="17"/>
          <ac:spMkLst>
            <pc:docMk/>
            <pc:sldMk cId="1961725314" sldId="633"/>
            <ac:spMk id="137" creationId="{EEBD949A-F4C6-4168-B77C-7362B4AFB957}"/>
          </ac:spMkLst>
        </pc:spChg>
        <pc:spChg chg="mod">
          <ac:chgData name="Valerie Neilson" userId="35630ace-dead-42e1-83b9-be998d44ae75" providerId="ADAL" clId="{BA01E8A0-46E7-4D55-8551-828788C4024B}" dt="2022-05-13T21:01:11.926" v="17"/>
          <ac:spMkLst>
            <pc:docMk/>
            <pc:sldMk cId="1961725314" sldId="633"/>
            <ac:spMk id="138" creationId="{C56826FF-84F2-C0BA-E839-ACFB2BECF349}"/>
          </ac:spMkLst>
        </pc:spChg>
        <pc:spChg chg="mod">
          <ac:chgData name="Valerie Neilson" userId="35630ace-dead-42e1-83b9-be998d44ae75" providerId="ADAL" clId="{BA01E8A0-46E7-4D55-8551-828788C4024B}" dt="2022-05-13T21:01:11.926" v="17"/>
          <ac:spMkLst>
            <pc:docMk/>
            <pc:sldMk cId="1961725314" sldId="633"/>
            <ac:spMk id="139" creationId="{89B67A4E-B99E-89B1-1935-32D45004035B}"/>
          </ac:spMkLst>
        </pc:spChg>
        <pc:spChg chg="mod">
          <ac:chgData name="Valerie Neilson" userId="35630ace-dead-42e1-83b9-be998d44ae75" providerId="ADAL" clId="{BA01E8A0-46E7-4D55-8551-828788C4024B}" dt="2022-05-13T21:01:11.926" v="17"/>
          <ac:spMkLst>
            <pc:docMk/>
            <pc:sldMk cId="1961725314" sldId="633"/>
            <ac:spMk id="140" creationId="{3CD9BF6E-5893-1BF9-D965-3D5CB8C2F9DD}"/>
          </ac:spMkLst>
        </pc:spChg>
        <pc:spChg chg="mod">
          <ac:chgData name="Valerie Neilson" userId="35630ace-dead-42e1-83b9-be998d44ae75" providerId="ADAL" clId="{BA01E8A0-46E7-4D55-8551-828788C4024B}" dt="2022-05-13T21:01:11.926" v="17"/>
          <ac:spMkLst>
            <pc:docMk/>
            <pc:sldMk cId="1961725314" sldId="633"/>
            <ac:spMk id="141" creationId="{58C0D2BF-DA16-300E-013D-E1FA5009240C}"/>
          </ac:spMkLst>
        </pc:spChg>
        <pc:spChg chg="mod">
          <ac:chgData name="Valerie Neilson" userId="35630ace-dead-42e1-83b9-be998d44ae75" providerId="ADAL" clId="{BA01E8A0-46E7-4D55-8551-828788C4024B}" dt="2022-05-13T21:01:11.926" v="17"/>
          <ac:spMkLst>
            <pc:docMk/>
            <pc:sldMk cId="1961725314" sldId="633"/>
            <ac:spMk id="142" creationId="{4823C45B-22E1-DD41-F424-EADCC76438C1}"/>
          </ac:spMkLst>
        </pc:spChg>
        <pc:spChg chg="mod">
          <ac:chgData name="Valerie Neilson" userId="35630ace-dead-42e1-83b9-be998d44ae75" providerId="ADAL" clId="{BA01E8A0-46E7-4D55-8551-828788C4024B}" dt="2022-05-13T21:01:11.926" v="17"/>
          <ac:spMkLst>
            <pc:docMk/>
            <pc:sldMk cId="1961725314" sldId="633"/>
            <ac:spMk id="143" creationId="{A725BB6A-5607-9B80-4948-6231733AD741}"/>
          </ac:spMkLst>
        </pc:spChg>
        <pc:spChg chg="mod">
          <ac:chgData name="Valerie Neilson" userId="35630ace-dead-42e1-83b9-be998d44ae75" providerId="ADAL" clId="{BA01E8A0-46E7-4D55-8551-828788C4024B}" dt="2022-05-13T21:01:11.926" v="17"/>
          <ac:spMkLst>
            <pc:docMk/>
            <pc:sldMk cId="1961725314" sldId="633"/>
            <ac:spMk id="144" creationId="{8F9C4A68-8FD9-1F48-6F09-223D0F87EE08}"/>
          </ac:spMkLst>
        </pc:spChg>
        <pc:spChg chg="mod">
          <ac:chgData name="Valerie Neilson" userId="35630ace-dead-42e1-83b9-be998d44ae75" providerId="ADAL" clId="{BA01E8A0-46E7-4D55-8551-828788C4024B}" dt="2022-05-13T21:01:11.926" v="17"/>
          <ac:spMkLst>
            <pc:docMk/>
            <pc:sldMk cId="1961725314" sldId="633"/>
            <ac:spMk id="145" creationId="{C67E5178-1FF8-4EF6-90F0-B1D6031BB50D}"/>
          </ac:spMkLst>
        </pc:spChg>
        <pc:spChg chg="mod">
          <ac:chgData name="Valerie Neilson" userId="35630ace-dead-42e1-83b9-be998d44ae75" providerId="ADAL" clId="{BA01E8A0-46E7-4D55-8551-828788C4024B}" dt="2022-05-13T21:01:11.926" v="17"/>
          <ac:spMkLst>
            <pc:docMk/>
            <pc:sldMk cId="1961725314" sldId="633"/>
            <ac:spMk id="146" creationId="{FD84B8CB-E986-71A9-F6DE-C9B168B17093}"/>
          </ac:spMkLst>
        </pc:spChg>
        <pc:spChg chg="mod">
          <ac:chgData name="Valerie Neilson" userId="35630ace-dead-42e1-83b9-be998d44ae75" providerId="ADAL" clId="{BA01E8A0-46E7-4D55-8551-828788C4024B}" dt="2022-05-13T21:01:11.926" v="17"/>
          <ac:spMkLst>
            <pc:docMk/>
            <pc:sldMk cId="1961725314" sldId="633"/>
            <ac:spMk id="147" creationId="{55A6D5BE-E682-331A-84CC-A27C88D850B7}"/>
          </ac:spMkLst>
        </pc:spChg>
        <pc:spChg chg="mod">
          <ac:chgData name="Valerie Neilson" userId="35630ace-dead-42e1-83b9-be998d44ae75" providerId="ADAL" clId="{BA01E8A0-46E7-4D55-8551-828788C4024B}" dt="2022-05-13T21:01:11.926" v="17"/>
          <ac:spMkLst>
            <pc:docMk/>
            <pc:sldMk cId="1961725314" sldId="633"/>
            <ac:spMk id="148" creationId="{9F8B0BE4-E28D-AADD-6BCE-C04EEC1C58E0}"/>
          </ac:spMkLst>
        </pc:spChg>
        <pc:spChg chg="mod">
          <ac:chgData name="Valerie Neilson" userId="35630ace-dead-42e1-83b9-be998d44ae75" providerId="ADAL" clId="{BA01E8A0-46E7-4D55-8551-828788C4024B}" dt="2022-05-13T21:01:11.926" v="17"/>
          <ac:spMkLst>
            <pc:docMk/>
            <pc:sldMk cId="1961725314" sldId="633"/>
            <ac:spMk id="149" creationId="{B5020AAE-2DF2-F529-8D70-78965FD1FFF2}"/>
          </ac:spMkLst>
        </pc:spChg>
        <pc:spChg chg="mod">
          <ac:chgData name="Valerie Neilson" userId="35630ace-dead-42e1-83b9-be998d44ae75" providerId="ADAL" clId="{BA01E8A0-46E7-4D55-8551-828788C4024B}" dt="2022-05-13T21:01:11.926" v="17"/>
          <ac:spMkLst>
            <pc:docMk/>
            <pc:sldMk cId="1961725314" sldId="633"/>
            <ac:spMk id="150" creationId="{E8900001-FDAB-6BF6-2E4C-62BDF66B61AB}"/>
          </ac:spMkLst>
        </pc:spChg>
        <pc:spChg chg="mod">
          <ac:chgData name="Valerie Neilson" userId="35630ace-dead-42e1-83b9-be998d44ae75" providerId="ADAL" clId="{BA01E8A0-46E7-4D55-8551-828788C4024B}" dt="2022-05-13T21:01:11.926" v="17"/>
          <ac:spMkLst>
            <pc:docMk/>
            <pc:sldMk cId="1961725314" sldId="633"/>
            <ac:spMk id="151" creationId="{3807FEE6-618E-0E1B-51EC-056E091814BB}"/>
          </ac:spMkLst>
        </pc:spChg>
        <pc:spChg chg="mod">
          <ac:chgData name="Valerie Neilson" userId="35630ace-dead-42e1-83b9-be998d44ae75" providerId="ADAL" clId="{BA01E8A0-46E7-4D55-8551-828788C4024B}" dt="2022-05-13T21:01:11.926" v="17"/>
          <ac:spMkLst>
            <pc:docMk/>
            <pc:sldMk cId="1961725314" sldId="633"/>
            <ac:spMk id="152" creationId="{F7F84A89-F563-C700-9ECE-A9BEFA12CAE7}"/>
          </ac:spMkLst>
        </pc:spChg>
        <pc:spChg chg="mod">
          <ac:chgData name="Valerie Neilson" userId="35630ace-dead-42e1-83b9-be998d44ae75" providerId="ADAL" clId="{BA01E8A0-46E7-4D55-8551-828788C4024B}" dt="2022-05-13T21:01:11.926" v="17"/>
          <ac:spMkLst>
            <pc:docMk/>
            <pc:sldMk cId="1961725314" sldId="633"/>
            <ac:spMk id="153" creationId="{3E58DD28-ED38-D12C-B8D8-00CFC4FFF98E}"/>
          </ac:spMkLst>
        </pc:spChg>
        <pc:spChg chg="mod">
          <ac:chgData name="Valerie Neilson" userId="35630ace-dead-42e1-83b9-be998d44ae75" providerId="ADAL" clId="{BA01E8A0-46E7-4D55-8551-828788C4024B}" dt="2022-05-13T21:01:11.926" v="17"/>
          <ac:spMkLst>
            <pc:docMk/>
            <pc:sldMk cId="1961725314" sldId="633"/>
            <ac:spMk id="154" creationId="{C92A5D79-E44A-CEF7-206D-B599685725B9}"/>
          </ac:spMkLst>
        </pc:spChg>
        <pc:spChg chg="mod">
          <ac:chgData name="Valerie Neilson" userId="35630ace-dead-42e1-83b9-be998d44ae75" providerId="ADAL" clId="{BA01E8A0-46E7-4D55-8551-828788C4024B}" dt="2022-05-13T21:01:11.926" v="17"/>
          <ac:spMkLst>
            <pc:docMk/>
            <pc:sldMk cId="1961725314" sldId="633"/>
            <ac:spMk id="155" creationId="{5219D62B-A962-E6B3-5F8E-253F4E2EB788}"/>
          </ac:spMkLst>
        </pc:spChg>
        <pc:spChg chg="mod">
          <ac:chgData name="Valerie Neilson" userId="35630ace-dead-42e1-83b9-be998d44ae75" providerId="ADAL" clId="{BA01E8A0-46E7-4D55-8551-828788C4024B}" dt="2022-05-13T21:01:11.926" v="17"/>
          <ac:spMkLst>
            <pc:docMk/>
            <pc:sldMk cId="1961725314" sldId="633"/>
            <ac:spMk id="156" creationId="{61093562-0683-7F0B-CD7F-6BC168339AF5}"/>
          </ac:spMkLst>
        </pc:spChg>
        <pc:spChg chg="mod">
          <ac:chgData name="Valerie Neilson" userId="35630ace-dead-42e1-83b9-be998d44ae75" providerId="ADAL" clId="{BA01E8A0-46E7-4D55-8551-828788C4024B}" dt="2022-05-13T21:01:11.926" v="17"/>
          <ac:spMkLst>
            <pc:docMk/>
            <pc:sldMk cId="1961725314" sldId="633"/>
            <ac:spMk id="157" creationId="{E4E0E9C8-1676-CCCD-9B4C-2DFAEAF2ECCE}"/>
          </ac:spMkLst>
        </pc:spChg>
        <pc:spChg chg="mod">
          <ac:chgData name="Valerie Neilson" userId="35630ace-dead-42e1-83b9-be998d44ae75" providerId="ADAL" clId="{BA01E8A0-46E7-4D55-8551-828788C4024B}" dt="2022-05-13T21:01:11.926" v="17"/>
          <ac:spMkLst>
            <pc:docMk/>
            <pc:sldMk cId="1961725314" sldId="633"/>
            <ac:spMk id="158" creationId="{731FA076-2BB9-AE83-5288-5EF824F12F4D}"/>
          </ac:spMkLst>
        </pc:spChg>
        <pc:spChg chg="mod">
          <ac:chgData name="Valerie Neilson" userId="35630ace-dead-42e1-83b9-be998d44ae75" providerId="ADAL" clId="{BA01E8A0-46E7-4D55-8551-828788C4024B}" dt="2022-05-13T21:01:11.926" v="17"/>
          <ac:spMkLst>
            <pc:docMk/>
            <pc:sldMk cId="1961725314" sldId="633"/>
            <ac:spMk id="159" creationId="{FA6AFC2F-2323-890E-5257-99F0B57C462C}"/>
          </ac:spMkLst>
        </pc:spChg>
        <pc:spChg chg="mod">
          <ac:chgData name="Valerie Neilson" userId="35630ace-dead-42e1-83b9-be998d44ae75" providerId="ADAL" clId="{BA01E8A0-46E7-4D55-8551-828788C4024B}" dt="2022-05-13T21:01:11.926" v="17"/>
          <ac:spMkLst>
            <pc:docMk/>
            <pc:sldMk cId="1961725314" sldId="633"/>
            <ac:spMk id="160" creationId="{C30DB1AE-7157-541D-BA2F-E7A56151EA7E}"/>
          </ac:spMkLst>
        </pc:spChg>
        <pc:spChg chg="mod">
          <ac:chgData name="Valerie Neilson" userId="35630ace-dead-42e1-83b9-be998d44ae75" providerId="ADAL" clId="{BA01E8A0-46E7-4D55-8551-828788C4024B}" dt="2022-05-13T21:01:11.926" v="17"/>
          <ac:spMkLst>
            <pc:docMk/>
            <pc:sldMk cId="1961725314" sldId="633"/>
            <ac:spMk id="161" creationId="{C08D62CB-94D2-A57C-0B8C-A90B1B3BAA61}"/>
          </ac:spMkLst>
        </pc:spChg>
        <pc:spChg chg="mod">
          <ac:chgData name="Valerie Neilson" userId="35630ace-dead-42e1-83b9-be998d44ae75" providerId="ADAL" clId="{BA01E8A0-46E7-4D55-8551-828788C4024B}" dt="2022-05-13T21:01:11.926" v="17"/>
          <ac:spMkLst>
            <pc:docMk/>
            <pc:sldMk cId="1961725314" sldId="633"/>
            <ac:spMk id="162" creationId="{153053E9-0D5B-A6C7-E320-7E971EC5FA95}"/>
          </ac:spMkLst>
        </pc:spChg>
        <pc:spChg chg="mod">
          <ac:chgData name="Valerie Neilson" userId="35630ace-dead-42e1-83b9-be998d44ae75" providerId="ADAL" clId="{BA01E8A0-46E7-4D55-8551-828788C4024B}" dt="2022-05-13T21:01:11.926" v="17"/>
          <ac:spMkLst>
            <pc:docMk/>
            <pc:sldMk cId="1961725314" sldId="633"/>
            <ac:spMk id="163" creationId="{10A7B24E-CFFE-1372-3A88-C3C1A2BB6231}"/>
          </ac:spMkLst>
        </pc:spChg>
        <pc:spChg chg="mod">
          <ac:chgData name="Valerie Neilson" userId="35630ace-dead-42e1-83b9-be998d44ae75" providerId="ADAL" clId="{BA01E8A0-46E7-4D55-8551-828788C4024B}" dt="2022-05-13T21:01:11.926" v="17"/>
          <ac:spMkLst>
            <pc:docMk/>
            <pc:sldMk cId="1961725314" sldId="633"/>
            <ac:spMk id="164" creationId="{9D2454D6-F8A3-A071-3444-4EDFD248EAD0}"/>
          </ac:spMkLst>
        </pc:spChg>
        <pc:spChg chg="mod">
          <ac:chgData name="Valerie Neilson" userId="35630ace-dead-42e1-83b9-be998d44ae75" providerId="ADAL" clId="{BA01E8A0-46E7-4D55-8551-828788C4024B}" dt="2022-05-13T21:01:11.926" v="17"/>
          <ac:spMkLst>
            <pc:docMk/>
            <pc:sldMk cId="1961725314" sldId="633"/>
            <ac:spMk id="165" creationId="{1FB21E4F-83DF-E214-8CDD-14AE11129B9E}"/>
          </ac:spMkLst>
        </pc:spChg>
        <pc:spChg chg="mod">
          <ac:chgData name="Valerie Neilson" userId="35630ace-dead-42e1-83b9-be998d44ae75" providerId="ADAL" clId="{BA01E8A0-46E7-4D55-8551-828788C4024B}" dt="2022-05-13T21:01:11.926" v="17"/>
          <ac:spMkLst>
            <pc:docMk/>
            <pc:sldMk cId="1961725314" sldId="633"/>
            <ac:spMk id="166" creationId="{C13DD190-CAEC-642A-18DA-1BB8F76C65DB}"/>
          </ac:spMkLst>
        </pc:spChg>
        <pc:spChg chg="mod">
          <ac:chgData name="Valerie Neilson" userId="35630ace-dead-42e1-83b9-be998d44ae75" providerId="ADAL" clId="{BA01E8A0-46E7-4D55-8551-828788C4024B}" dt="2022-05-13T21:01:11.926" v="17"/>
          <ac:spMkLst>
            <pc:docMk/>
            <pc:sldMk cId="1961725314" sldId="633"/>
            <ac:spMk id="167" creationId="{16824DDF-1717-BD33-3CB0-538E4002BF6B}"/>
          </ac:spMkLst>
        </pc:spChg>
        <pc:spChg chg="mod">
          <ac:chgData name="Valerie Neilson" userId="35630ace-dead-42e1-83b9-be998d44ae75" providerId="ADAL" clId="{BA01E8A0-46E7-4D55-8551-828788C4024B}" dt="2022-05-13T21:01:11.926" v="17"/>
          <ac:spMkLst>
            <pc:docMk/>
            <pc:sldMk cId="1961725314" sldId="633"/>
            <ac:spMk id="168" creationId="{A43ECD02-09EB-3BCA-3089-16EAC09C56EC}"/>
          </ac:spMkLst>
        </pc:spChg>
        <pc:spChg chg="mod">
          <ac:chgData name="Valerie Neilson" userId="35630ace-dead-42e1-83b9-be998d44ae75" providerId="ADAL" clId="{BA01E8A0-46E7-4D55-8551-828788C4024B}" dt="2022-05-13T21:01:11.926" v="17"/>
          <ac:spMkLst>
            <pc:docMk/>
            <pc:sldMk cId="1961725314" sldId="633"/>
            <ac:spMk id="169" creationId="{8F6454C5-45C0-7344-24D5-CD1539F70441}"/>
          </ac:spMkLst>
        </pc:spChg>
        <pc:spChg chg="add mod">
          <ac:chgData name="Valerie Neilson" userId="35630ace-dead-42e1-83b9-be998d44ae75" providerId="ADAL" clId="{BA01E8A0-46E7-4D55-8551-828788C4024B}" dt="2022-05-16T20:53:43.114" v="78"/>
          <ac:spMkLst>
            <pc:docMk/>
            <pc:sldMk cId="1961725314" sldId="633"/>
            <ac:spMk id="170" creationId="{CA6B1318-3094-433C-E75F-0258769E0F65}"/>
          </ac:spMkLst>
        </pc:spChg>
        <pc:spChg chg="add mod">
          <ac:chgData name="Valerie Neilson" userId="35630ace-dead-42e1-83b9-be998d44ae75" providerId="ADAL" clId="{BA01E8A0-46E7-4D55-8551-828788C4024B}" dt="2022-05-16T20:53:59.553" v="80" actId="1076"/>
          <ac:spMkLst>
            <pc:docMk/>
            <pc:sldMk cId="1961725314" sldId="633"/>
            <ac:spMk id="171" creationId="{B07C4FA5-4BA6-78DE-6FF8-FE380D751936}"/>
          </ac:spMkLst>
        </pc:spChg>
        <pc:grpChg chg="add mod">
          <ac:chgData name="Valerie Neilson" userId="35630ace-dead-42e1-83b9-be998d44ae75" providerId="ADAL" clId="{BA01E8A0-46E7-4D55-8551-828788C4024B}" dt="2022-05-13T21:01:11.926" v="17"/>
          <ac:grpSpMkLst>
            <pc:docMk/>
            <pc:sldMk cId="1961725314" sldId="633"/>
            <ac:grpSpMk id="84" creationId="{B9F9C310-DB0F-662F-7BAD-D88A2F5C584B}"/>
          </ac:grpSpMkLst>
        </pc:grpChg>
        <pc:cxnChg chg="del">
          <ac:chgData name="Valerie Neilson" userId="35630ace-dead-42e1-83b9-be998d44ae75" providerId="ADAL" clId="{BA01E8A0-46E7-4D55-8551-828788C4024B}" dt="2022-05-13T21:01:02.519" v="11" actId="478"/>
          <ac:cxnSpMkLst>
            <pc:docMk/>
            <pc:sldMk cId="1961725314" sldId="633"/>
            <ac:cxnSpMk id="8" creationId="{9FC298DA-B758-4A99-84B5-C949FB419BD0}"/>
          </ac:cxnSpMkLst>
        </pc:cxnChg>
        <pc:cxnChg chg="del">
          <ac:chgData name="Valerie Neilson" userId="35630ace-dead-42e1-83b9-be998d44ae75" providerId="ADAL" clId="{BA01E8A0-46E7-4D55-8551-828788C4024B}" dt="2022-05-13T21:01:02.519" v="11" actId="478"/>
          <ac:cxnSpMkLst>
            <pc:docMk/>
            <pc:sldMk cId="1961725314" sldId="633"/>
            <ac:cxnSpMk id="13" creationId="{E5C52519-064E-4280-AC47-D90698B09F11}"/>
          </ac:cxnSpMkLst>
        </pc:cxnChg>
        <pc:cxnChg chg="del">
          <ac:chgData name="Valerie Neilson" userId="35630ace-dead-42e1-83b9-be998d44ae75" providerId="ADAL" clId="{BA01E8A0-46E7-4D55-8551-828788C4024B}" dt="2022-05-13T21:01:02.519" v="11" actId="478"/>
          <ac:cxnSpMkLst>
            <pc:docMk/>
            <pc:sldMk cId="1961725314" sldId="633"/>
            <ac:cxnSpMk id="15" creationId="{6AD41F3B-B474-4B18-9DBE-7F65137053CD}"/>
          </ac:cxnSpMkLst>
        </pc:cxnChg>
        <pc:cxnChg chg="del">
          <ac:chgData name="Valerie Neilson" userId="35630ace-dead-42e1-83b9-be998d44ae75" providerId="ADAL" clId="{BA01E8A0-46E7-4D55-8551-828788C4024B}" dt="2022-05-13T21:01:02.519" v="11" actId="478"/>
          <ac:cxnSpMkLst>
            <pc:docMk/>
            <pc:sldMk cId="1961725314" sldId="633"/>
            <ac:cxnSpMk id="17" creationId="{84351CE1-E8D8-49F0-9C36-A5738417AFF3}"/>
          </ac:cxnSpMkLst>
        </pc:cxnChg>
        <pc:cxnChg chg="del">
          <ac:chgData name="Valerie Neilson" userId="35630ace-dead-42e1-83b9-be998d44ae75" providerId="ADAL" clId="{BA01E8A0-46E7-4D55-8551-828788C4024B}" dt="2022-05-13T21:01:02.519" v="11" actId="478"/>
          <ac:cxnSpMkLst>
            <pc:docMk/>
            <pc:sldMk cId="1961725314" sldId="633"/>
            <ac:cxnSpMk id="19" creationId="{6FA7040A-05FC-4B98-BAE7-E270C76A45DB}"/>
          </ac:cxnSpMkLst>
        </pc:cxnChg>
        <pc:cxnChg chg="del">
          <ac:chgData name="Valerie Neilson" userId="35630ace-dead-42e1-83b9-be998d44ae75" providerId="ADAL" clId="{BA01E8A0-46E7-4D55-8551-828788C4024B}" dt="2022-05-13T21:01:02.519" v="11" actId="478"/>
          <ac:cxnSpMkLst>
            <pc:docMk/>
            <pc:sldMk cId="1961725314" sldId="633"/>
            <ac:cxnSpMk id="21" creationId="{BF55CF53-AC30-4857-AE4A-EE96A2281B50}"/>
          </ac:cxnSpMkLst>
        </pc:cxnChg>
        <pc:cxnChg chg="del">
          <ac:chgData name="Valerie Neilson" userId="35630ace-dead-42e1-83b9-be998d44ae75" providerId="ADAL" clId="{BA01E8A0-46E7-4D55-8551-828788C4024B}" dt="2022-05-13T21:01:02.519" v="11" actId="478"/>
          <ac:cxnSpMkLst>
            <pc:docMk/>
            <pc:sldMk cId="1961725314" sldId="633"/>
            <ac:cxnSpMk id="23" creationId="{F83C0A30-4EC6-4D5E-90B6-7CD98D0A9644}"/>
          </ac:cxnSpMkLst>
        </pc:cxnChg>
        <pc:cxnChg chg="del">
          <ac:chgData name="Valerie Neilson" userId="35630ace-dead-42e1-83b9-be998d44ae75" providerId="ADAL" clId="{BA01E8A0-46E7-4D55-8551-828788C4024B}" dt="2022-05-13T21:01:02.519" v="11" actId="478"/>
          <ac:cxnSpMkLst>
            <pc:docMk/>
            <pc:sldMk cId="1961725314" sldId="633"/>
            <ac:cxnSpMk id="25" creationId="{40DEC4DC-5BB2-4EEC-90C9-6A14CF73FEFB}"/>
          </ac:cxnSpMkLst>
        </pc:cxnChg>
        <pc:cxnChg chg="del">
          <ac:chgData name="Valerie Neilson" userId="35630ace-dead-42e1-83b9-be998d44ae75" providerId="ADAL" clId="{BA01E8A0-46E7-4D55-8551-828788C4024B}" dt="2022-05-13T21:01:02.519" v="11" actId="478"/>
          <ac:cxnSpMkLst>
            <pc:docMk/>
            <pc:sldMk cId="1961725314" sldId="633"/>
            <ac:cxnSpMk id="27" creationId="{AAA295C2-5895-421B-9D42-2B2D89CBE5C6}"/>
          </ac:cxnSpMkLst>
        </pc:cxnChg>
        <pc:cxnChg chg="del">
          <ac:chgData name="Valerie Neilson" userId="35630ace-dead-42e1-83b9-be998d44ae75" providerId="ADAL" clId="{BA01E8A0-46E7-4D55-8551-828788C4024B}" dt="2022-05-13T21:01:02.519" v="11" actId="478"/>
          <ac:cxnSpMkLst>
            <pc:docMk/>
            <pc:sldMk cId="1961725314" sldId="633"/>
            <ac:cxnSpMk id="29" creationId="{B336BC1E-011A-4B57-BFE8-368BFCEC9188}"/>
          </ac:cxnSpMkLst>
        </pc:cxnChg>
        <pc:cxnChg chg="del">
          <ac:chgData name="Valerie Neilson" userId="35630ace-dead-42e1-83b9-be998d44ae75" providerId="ADAL" clId="{BA01E8A0-46E7-4D55-8551-828788C4024B}" dt="2022-05-13T21:01:02.519" v="11" actId="478"/>
          <ac:cxnSpMkLst>
            <pc:docMk/>
            <pc:sldMk cId="1961725314" sldId="633"/>
            <ac:cxnSpMk id="31" creationId="{3D4AAA4A-4225-4139-8907-314546C6EC0D}"/>
          </ac:cxnSpMkLst>
        </pc:cxnChg>
        <pc:cxnChg chg="del">
          <ac:chgData name="Valerie Neilson" userId="35630ace-dead-42e1-83b9-be998d44ae75" providerId="ADAL" clId="{BA01E8A0-46E7-4D55-8551-828788C4024B}" dt="2022-05-13T21:01:02.519" v="11" actId="478"/>
          <ac:cxnSpMkLst>
            <pc:docMk/>
            <pc:sldMk cId="1961725314" sldId="633"/>
            <ac:cxnSpMk id="33" creationId="{83481B24-8AEA-49CF-A863-8BC03D944D8F}"/>
          </ac:cxnSpMkLst>
        </pc:cxnChg>
        <pc:cxnChg chg="del">
          <ac:chgData name="Valerie Neilson" userId="35630ace-dead-42e1-83b9-be998d44ae75" providerId="ADAL" clId="{BA01E8A0-46E7-4D55-8551-828788C4024B}" dt="2022-05-13T21:01:02.519" v="11" actId="478"/>
          <ac:cxnSpMkLst>
            <pc:docMk/>
            <pc:sldMk cId="1961725314" sldId="633"/>
            <ac:cxnSpMk id="53" creationId="{64DC2982-4CFD-46BA-80C6-AD1F5FE7AAC9}"/>
          </ac:cxnSpMkLst>
        </pc:cxnChg>
        <pc:cxnChg chg="del">
          <ac:chgData name="Valerie Neilson" userId="35630ace-dead-42e1-83b9-be998d44ae75" providerId="ADAL" clId="{BA01E8A0-46E7-4D55-8551-828788C4024B}" dt="2022-05-13T21:01:02.519" v="11" actId="478"/>
          <ac:cxnSpMkLst>
            <pc:docMk/>
            <pc:sldMk cId="1961725314" sldId="633"/>
            <ac:cxnSpMk id="60" creationId="{1051E854-3827-46D8-922C-3B1D644E3759}"/>
          </ac:cxnSpMkLst>
        </pc:cxnChg>
        <pc:cxnChg chg="del">
          <ac:chgData name="Valerie Neilson" userId="35630ace-dead-42e1-83b9-be998d44ae75" providerId="ADAL" clId="{BA01E8A0-46E7-4D55-8551-828788C4024B}" dt="2022-05-13T21:01:02.519" v="11" actId="478"/>
          <ac:cxnSpMkLst>
            <pc:docMk/>
            <pc:sldMk cId="1961725314" sldId="633"/>
            <ac:cxnSpMk id="70" creationId="{F8EA8A65-1D6E-422C-9200-78E562BFFBCE}"/>
          </ac:cxnSpMkLst>
        </pc:cxnChg>
        <pc:cxnChg chg="del">
          <ac:chgData name="Valerie Neilson" userId="35630ace-dead-42e1-83b9-be998d44ae75" providerId="ADAL" clId="{BA01E8A0-46E7-4D55-8551-828788C4024B}" dt="2022-05-13T21:01:02.519" v="11" actId="478"/>
          <ac:cxnSpMkLst>
            <pc:docMk/>
            <pc:sldMk cId="1961725314" sldId="633"/>
            <ac:cxnSpMk id="83" creationId="{327B6362-C9CF-4616-9BC2-A69AD4AA7127}"/>
          </ac:cxnSpMkLst>
        </pc:cxnChg>
        <pc:cxnChg chg="mod">
          <ac:chgData name="Valerie Neilson" userId="35630ace-dead-42e1-83b9-be998d44ae75" providerId="ADAL" clId="{BA01E8A0-46E7-4D55-8551-828788C4024B}" dt="2022-05-13T21:01:11.926" v="17"/>
          <ac:cxnSpMkLst>
            <pc:docMk/>
            <pc:sldMk cId="1961725314" sldId="633"/>
            <ac:cxnSpMk id="85" creationId="{2B933FD1-61DF-C0E0-9CB9-937930D4BB07}"/>
          </ac:cxnSpMkLst>
        </pc:cxnChg>
        <pc:cxnChg chg="mod">
          <ac:chgData name="Valerie Neilson" userId="35630ace-dead-42e1-83b9-be998d44ae75" providerId="ADAL" clId="{BA01E8A0-46E7-4D55-8551-828788C4024B}" dt="2022-05-13T21:01:11.926" v="17"/>
          <ac:cxnSpMkLst>
            <pc:docMk/>
            <pc:sldMk cId="1961725314" sldId="633"/>
            <ac:cxnSpMk id="86" creationId="{7C0E3468-9ABD-64A8-BFD7-DA212986F369}"/>
          </ac:cxnSpMkLst>
        </pc:cxnChg>
        <pc:cxnChg chg="mod">
          <ac:chgData name="Valerie Neilson" userId="35630ace-dead-42e1-83b9-be998d44ae75" providerId="ADAL" clId="{BA01E8A0-46E7-4D55-8551-828788C4024B}" dt="2022-05-13T21:01:11.926" v="17"/>
          <ac:cxnSpMkLst>
            <pc:docMk/>
            <pc:sldMk cId="1961725314" sldId="633"/>
            <ac:cxnSpMk id="87" creationId="{AE6F4076-0CC1-685A-FC2C-0A83D570D407}"/>
          </ac:cxnSpMkLst>
        </pc:cxnChg>
        <pc:cxnChg chg="mod">
          <ac:chgData name="Valerie Neilson" userId="35630ace-dead-42e1-83b9-be998d44ae75" providerId="ADAL" clId="{BA01E8A0-46E7-4D55-8551-828788C4024B}" dt="2022-05-13T21:01:11.926" v="17"/>
          <ac:cxnSpMkLst>
            <pc:docMk/>
            <pc:sldMk cId="1961725314" sldId="633"/>
            <ac:cxnSpMk id="88" creationId="{C8599846-58C0-10D1-32FD-0EBC266BB64B}"/>
          </ac:cxnSpMkLst>
        </pc:cxnChg>
        <pc:cxnChg chg="mod">
          <ac:chgData name="Valerie Neilson" userId="35630ace-dead-42e1-83b9-be998d44ae75" providerId="ADAL" clId="{BA01E8A0-46E7-4D55-8551-828788C4024B}" dt="2022-05-13T21:01:11.926" v="17"/>
          <ac:cxnSpMkLst>
            <pc:docMk/>
            <pc:sldMk cId="1961725314" sldId="633"/>
            <ac:cxnSpMk id="89" creationId="{72DF99CE-AA52-B901-4A8E-5413DCA53C0B}"/>
          </ac:cxnSpMkLst>
        </pc:cxnChg>
        <pc:cxnChg chg="mod">
          <ac:chgData name="Valerie Neilson" userId="35630ace-dead-42e1-83b9-be998d44ae75" providerId="ADAL" clId="{BA01E8A0-46E7-4D55-8551-828788C4024B}" dt="2022-05-13T21:01:11.926" v="17"/>
          <ac:cxnSpMkLst>
            <pc:docMk/>
            <pc:sldMk cId="1961725314" sldId="633"/>
            <ac:cxnSpMk id="90" creationId="{2456B43F-CF95-E7AA-5BED-95A9A2A98FD3}"/>
          </ac:cxnSpMkLst>
        </pc:cxnChg>
        <pc:cxnChg chg="mod">
          <ac:chgData name="Valerie Neilson" userId="35630ace-dead-42e1-83b9-be998d44ae75" providerId="ADAL" clId="{BA01E8A0-46E7-4D55-8551-828788C4024B}" dt="2022-05-13T21:01:11.926" v="17"/>
          <ac:cxnSpMkLst>
            <pc:docMk/>
            <pc:sldMk cId="1961725314" sldId="633"/>
            <ac:cxnSpMk id="91" creationId="{C208275C-003D-5F88-E4AF-B44AF03D2626}"/>
          </ac:cxnSpMkLst>
        </pc:cxnChg>
        <pc:cxnChg chg="mod">
          <ac:chgData name="Valerie Neilson" userId="35630ace-dead-42e1-83b9-be998d44ae75" providerId="ADAL" clId="{BA01E8A0-46E7-4D55-8551-828788C4024B}" dt="2022-05-13T21:01:11.926" v="17"/>
          <ac:cxnSpMkLst>
            <pc:docMk/>
            <pc:sldMk cId="1961725314" sldId="633"/>
            <ac:cxnSpMk id="92" creationId="{6602716D-E143-2B3F-10D4-03D4EC751273}"/>
          </ac:cxnSpMkLst>
        </pc:cxnChg>
        <pc:cxnChg chg="mod">
          <ac:chgData name="Valerie Neilson" userId="35630ace-dead-42e1-83b9-be998d44ae75" providerId="ADAL" clId="{BA01E8A0-46E7-4D55-8551-828788C4024B}" dt="2022-05-13T21:01:11.926" v="17"/>
          <ac:cxnSpMkLst>
            <pc:docMk/>
            <pc:sldMk cId="1961725314" sldId="633"/>
            <ac:cxnSpMk id="93" creationId="{1852A290-5623-F234-C3ED-004E7C503561}"/>
          </ac:cxnSpMkLst>
        </pc:cxnChg>
        <pc:cxnChg chg="mod">
          <ac:chgData name="Valerie Neilson" userId="35630ace-dead-42e1-83b9-be998d44ae75" providerId="ADAL" clId="{BA01E8A0-46E7-4D55-8551-828788C4024B}" dt="2022-05-13T21:01:11.926" v="17"/>
          <ac:cxnSpMkLst>
            <pc:docMk/>
            <pc:sldMk cId="1961725314" sldId="633"/>
            <ac:cxnSpMk id="94" creationId="{D5B803CE-8698-7E72-2121-FA1377C17FC7}"/>
          </ac:cxnSpMkLst>
        </pc:cxnChg>
        <pc:cxnChg chg="mod">
          <ac:chgData name="Valerie Neilson" userId="35630ace-dead-42e1-83b9-be998d44ae75" providerId="ADAL" clId="{BA01E8A0-46E7-4D55-8551-828788C4024B}" dt="2022-05-13T21:01:11.926" v="17"/>
          <ac:cxnSpMkLst>
            <pc:docMk/>
            <pc:sldMk cId="1961725314" sldId="633"/>
            <ac:cxnSpMk id="95" creationId="{82CD31DB-AD3F-2D3D-99C8-6454A56D1E44}"/>
          </ac:cxnSpMkLst>
        </pc:cxnChg>
        <pc:cxnChg chg="mod">
          <ac:chgData name="Valerie Neilson" userId="35630ace-dead-42e1-83b9-be998d44ae75" providerId="ADAL" clId="{BA01E8A0-46E7-4D55-8551-828788C4024B}" dt="2022-05-13T21:01:11.926" v="17"/>
          <ac:cxnSpMkLst>
            <pc:docMk/>
            <pc:sldMk cId="1961725314" sldId="633"/>
            <ac:cxnSpMk id="96" creationId="{B4BA55F6-E7B8-E740-2CC7-73D4155E9691}"/>
          </ac:cxnSpMkLst>
        </pc:cxnChg>
        <pc:cxnChg chg="mod">
          <ac:chgData name="Valerie Neilson" userId="35630ace-dead-42e1-83b9-be998d44ae75" providerId="ADAL" clId="{BA01E8A0-46E7-4D55-8551-828788C4024B}" dt="2022-05-13T21:01:11.926" v="17"/>
          <ac:cxnSpMkLst>
            <pc:docMk/>
            <pc:sldMk cId="1961725314" sldId="633"/>
            <ac:cxnSpMk id="97" creationId="{27241B97-73DE-C064-CB92-A0B7C2616441}"/>
          </ac:cxnSpMkLst>
        </pc:cxnChg>
        <pc:cxnChg chg="mod">
          <ac:chgData name="Valerie Neilson" userId="35630ace-dead-42e1-83b9-be998d44ae75" providerId="ADAL" clId="{BA01E8A0-46E7-4D55-8551-828788C4024B}" dt="2022-05-13T21:01:11.926" v="17"/>
          <ac:cxnSpMkLst>
            <pc:docMk/>
            <pc:sldMk cId="1961725314" sldId="633"/>
            <ac:cxnSpMk id="101" creationId="{735C5024-513F-CA09-9E82-DB2F83528970}"/>
          </ac:cxnSpMkLst>
        </pc:cxnChg>
        <pc:cxnChg chg="mod">
          <ac:chgData name="Valerie Neilson" userId="35630ace-dead-42e1-83b9-be998d44ae75" providerId="ADAL" clId="{BA01E8A0-46E7-4D55-8551-828788C4024B}" dt="2022-05-13T21:01:11.926" v="17"/>
          <ac:cxnSpMkLst>
            <pc:docMk/>
            <pc:sldMk cId="1961725314" sldId="633"/>
            <ac:cxnSpMk id="103" creationId="{327F7093-CC3B-7054-8BB9-E33FAD898F3C}"/>
          </ac:cxnSpMkLst>
        </pc:cxnChg>
        <pc:cxnChg chg="mod">
          <ac:chgData name="Valerie Neilson" userId="35630ace-dead-42e1-83b9-be998d44ae75" providerId="ADAL" clId="{BA01E8A0-46E7-4D55-8551-828788C4024B}" dt="2022-05-13T21:01:11.926" v="17"/>
          <ac:cxnSpMkLst>
            <pc:docMk/>
            <pc:sldMk cId="1961725314" sldId="633"/>
            <ac:cxnSpMk id="105" creationId="{4C5B6C76-16C6-95DF-5184-4EF47688509A}"/>
          </ac:cxnSpMkLst>
        </pc:cxnChg>
        <pc:cxnChg chg="mod">
          <ac:chgData name="Valerie Neilson" userId="35630ace-dead-42e1-83b9-be998d44ae75" providerId="ADAL" clId="{BA01E8A0-46E7-4D55-8551-828788C4024B}" dt="2022-05-13T21:01:11.926" v="17"/>
          <ac:cxnSpMkLst>
            <pc:docMk/>
            <pc:sldMk cId="1961725314" sldId="633"/>
            <ac:cxnSpMk id="107" creationId="{E8DB20BA-C6A5-CE7F-64B9-16BA2B02276F}"/>
          </ac:cxnSpMkLst>
        </pc:cxnChg>
        <pc:cxnChg chg="mod">
          <ac:chgData name="Valerie Neilson" userId="35630ace-dead-42e1-83b9-be998d44ae75" providerId="ADAL" clId="{BA01E8A0-46E7-4D55-8551-828788C4024B}" dt="2022-05-13T21:01:11.926" v="17"/>
          <ac:cxnSpMkLst>
            <pc:docMk/>
            <pc:sldMk cId="1961725314" sldId="633"/>
            <ac:cxnSpMk id="109" creationId="{A9A2A3FE-48B1-1148-1E37-D7428D010790}"/>
          </ac:cxnSpMkLst>
        </pc:cxnChg>
        <pc:cxnChg chg="mod">
          <ac:chgData name="Valerie Neilson" userId="35630ace-dead-42e1-83b9-be998d44ae75" providerId="ADAL" clId="{BA01E8A0-46E7-4D55-8551-828788C4024B}" dt="2022-05-13T21:01:11.926" v="17"/>
          <ac:cxnSpMkLst>
            <pc:docMk/>
            <pc:sldMk cId="1961725314" sldId="633"/>
            <ac:cxnSpMk id="111" creationId="{328C91B0-04BA-8E2D-74C2-BFCF1AE3FB4C}"/>
          </ac:cxnSpMkLst>
        </pc:cxnChg>
        <pc:cxnChg chg="mod">
          <ac:chgData name="Valerie Neilson" userId="35630ace-dead-42e1-83b9-be998d44ae75" providerId="ADAL" clId="{BA01E8A0-46E7-4D55-8551-828788C4024B}" dt="2022-05-13T21:01:11.926" v="17"/>
          <ac:cxnSpMkLst>
            <pc:docMk/>
            <pc:sldMk cId="1961725314" sldId="633"/>
            <ac:cxnSpMk id="113" creationId="{9DD9203F-61BA-F1F2-CD6B-3CD6D0332121}"/>
          </ac:cxnSpMkLst>
        </pc:cxnChg>
        <pc:cxnChg chg="mod">
          <ac:chgData name="Valerie Neilson" userId="35630ace-dead-42e1-83b9-be998d44ae75" providerId="ADAL" clId="{BA01E8A0-46E7-4D55-8551-828788C4024B}" dt="2022-05-13T21:01:11.926" v="17"/>
          <ac:cxnSpMkLst>
            <pc:docMk/>
            <pc:sldMk cId="1961725314" sldId="633"/>
            <ac:cxnSpMk id="115" creationId="{CC7A6EB3-A658-F83F-578B-E6C305C56631}"/>
          </ac:cxnSpMkLst>
        </pc:cxnChg>
        <pc:cxnChg chg="mod">
          <ac:chgData name="Valerie Neilson" userId="35630ace-dead-42e1-83b9-be998d44ae75" providerId="ADAL" clId="{BA01E8A0-46E7-4D55-8551-828788C4024B}" dt="2022-05-13T21:01:11.926" v="17"/>
          <ac:cxnSpMkLst>
            <pc:docMk/>
            <pc:sldMk cId="1961725314" sldId="633"/>
            <ac:cxnSpMk id="117" creationId="{4ED790FE-442F-069F-1249-2EE1A8C0E9DE}"/>
          </ac:cxnSpMkLst>
        </pc:cxnChg>
        <pc:cxnChg chg="mod">
          <ac:chgData name="Valerie Neilson" userId="35630ace-dead-42e1-83b9-be998d44ae75" providerId="ADAL" clId="{BA01E8A0-46E7-4D55-8551-828788C4024B}" dt="2022-05-13T21:01:11.926" v="17"/>
          <ac:cxnSpMkLst>
            <pc:docMk/>
            <pc:sldMk cId="1961725314" sldId="633"/>
            <ac:cxnSpMk id="119" creationId="{AF69F87C-7F11-2209-5610-38B75C3B2B65}"/>
          </ac:cxnSpMkLst>
        </pc:cxnChg>
        <pc:cxnChg chg="mod">
          <ac:chgData name="Valerie Neilson" userId="35630ace-dead-42e1-83b9-be998d44ae75" providerId="ADAL" clId="{BA01E8A0-46E7-4D55-8551-828788C4024B}" dt="2022-05-13T21:01:11.926" v="17"/>
          <ac:cxnSpMkLst>
            <pc:docMk/>
            <pc:sldMk cId="1961725314" sldId="633"/>
            <ac:cxnSpMk id="121" creationId="{22D94861-C393-41B1-F026-A403843B3729}"/>
          </ac:cxnSpMkLst>
        </pc:cxnChg>
      </pc:sldChg>
      <pc:sldChg chg="addSp modSp add del mod">
        <pc:chgData name="Valerie Neilson" userId="35630ace-dead-42e1-83b9-be998d44ae75" providerId="ADAL" clId="{BA01E8A0-46E7-4D55-8551-828788C4024B}" dt="2022-05-17T20:51:35.427" v="97" actId="47"/>
        <pc:sldMkLst>
          <pc:docMk/>
          <pc:sldMk cId="1673392501" sldId="634"/>
        </pc:sldMkLst>
        <pc:spChg chg="add mod">
          <ac:chgData name="Valerie Neilson" userId="35630ace-dead-42e1-83b9-be998d44ae75" providerId="ADAL" clId="{BA01E8A0-46E7-4D55-8551-828788C4024B}" dt="2022-05-13T21:06:07.600" v="55" actId="14100"/>
          <ac:spMkLst>
            <pc:docMk/>
            <pc:sldMk cId="1673392501" sldId="634"/>
            <ac:spMk id="170" creationId="{55779CA9-B9B1-361F-EF65-817572FD62CE}"/>
          </ac:spMkLst>
        </pc:spChg>
      </pc:sldChg>
      <pc:sldChg chg="addSp modSp add mod">
        <pc:chgData name="Valerie Neilson" userId="35630ace-dead-42e1-83b9-be998d44ae75" providerId="ADAL" clId="{BA01E8A0-46E7-4D55-8551-828788C4024B}" dt="2022-05-17T20:51:31.635" v="96" actId="1076"/>
        <pc:sldMkLst>
          <pc:docMk/>
          <pc:sldMk cId="4169938905" sldId="635"/>
        </pc:sldMkLst>
        <pc:spChg chg="add mod">
          <ac:chgData name="Valerie Neilson" userId="35630ace-dead-42e1-83b9-be998d44ae75" providerId="ADAL" clId="{BA01E8A0-46E7-4D55-8551-828788C4024B}" dt="2022-05-17T20:51:31.635" v="96" actId="1076"/>
          <ac:spMkLst>
            <pc:docMk/>
            <pc:sldMk cId="4169938905" sldId="635"/>
            <ac:spMk id="90" creationId="{ACC5A631-5322-C2E6-4119-39C508E927B5}"/>
          </ac:spMkLst>
        </pc:spChg>
      </pc:sldChg>
    </pc:docChg>
  </pc:docChgLst>
  <pc:docChgLst>
    <pc:chgData name="Brian Ruscher" userId="183d7664-2f91-481e-8d07-de5bd237b8ae" providerId="ADAL" clId="{99841053-7D18-4316-8DBD-699730DBC71B}"/>
    <pc:docChg chg="undo custSel addSld delSld modSld sldOrd">
      <pc:chgData name="Brian Ruscher" userId="183d7664-2f91-481e-8d07-de5bd237b8ae" providerId="ADAL" clId="{99841053-7D18-4316-8DBD-699730DBC71B}" dt="2022-11-09T19:02:24.407" v="1259" actId="1076"/>
      <pc:docMkLst>
        <pc:docMk/>
      </pc:docMkLst>
      <pc:sldChg chg="del">
        <pc:chgData name="Brian Ruscher" userId="183d7664-2f91-481e-8d07-de5bd237b8ae" providerId="ADAL" clId="{99841053-7D18-4316-8DBD-699730DBC71B}" dt="2022-11-09T17:33:37.289" v="918" actId="47"/>
        <pc:sldMkLst>
          <pc:docMk/>
          <pc:sldMk cId="3189581236" sldId="261"/>
        </pc:sldMkLst>
      </pc:sldChg>
      <pc:sldChg chg="addSp delSp modSp mod">
        <pc:chgData name="Brian Ruscher" userId="183d7664-2f91-481e-8d07-de5bd237b8ae" providerId="ADAL" clId="{99841053-7D18-4316-8DBD-699730DBC71B}" dt="2022-11-09T18:55:25.430" v="1209" actId="113"/>
        <pc:sldMkLst>
          <pc:docMk/>
          <pc:sldMk cId="3318354239" sldId="268"/>
        </pc:sldMkLst>
        <pc:spChg chg="mod">
          <ac:chgData name="Brian Ruscher" userId="183d7664-2f91-481e-8d07-de5bd237b8ae" providerId="ADAL" clId="{99841053-7D18-4316-8DBD-699730DBC71B}" dt="2022-11-09T18:55:25.430" v="1209" actId="113"/>
          <ac:spMkLst>
            <pc:docMk/>
            <pc:sldMk cId="3318354239" sldId="268"/>
            <ac:spMk id="2" creationId="{00000000-0000-0000-0000-000000000000}"/>
          </ac:spMkLst>
        </pc:spChg>
        <pc:spChg chg="mod">
          <ac:chgData name="Brian Ruscher" userId="183d7664-2f91-481e-8d07-de5bd237b8ae" providerId="ADAL" clId="{99841053-7D18-4316-8DBD-699730DBC71B}" dt="2022-11-09T18:55:19.096" v="1208" actId="5793"/>
          <ac:spMkLst>
            <pc:docMk/>
            <pc:sldMk cId="3318354239" sldId="268"/>
            <ac:spMk id="3" creationId="{00000000-0000-0000-0000-000000000000}"/>
          </ac:spMkLst>
        </pc:spChg>
        <pc:spChg chg="add del mod">
          <ac:chgData name="Brian Ruscher" userId="183d7664-2f91-481e-8d07-de5bd237b8ae" providerId="ADAL" clId="{99841053-7D18-4316-8DBD-699730DBC71B}" dt="2022-11-09T17:35:53.238" v="951" actId="478"/>
          <ac:spMkLst>
            <pc:docMk/>
            <pc:sldMk cId="3318354239" sldId="268"/>
            <ac:spMk id="4" creationId="{2A06897B-189D-D9D8-0450-E6A1C8E86FEF}"/>
          </ac:spMkLst>
        </pc:spChg>
      </pc:sldChg>
      <pc:sldChg chg="modSp mod">
        <pc:chgData name="Brian Ruscher" userId="183d7664-2f91-481e-8d07-de5bd237b8ae" providerId="ADAL" clId="{99841053-7D18-4316-8DBD-699730DBC71B}" dt="2022-11-09T18:25:00.547" v="987" actId="20577"/>
        <pc:sldMkLst>
          <pc:docMk/>
          <pc:sldMk cId="2756440831" sldId="284"/>
        </pc:sldMkLst>
        <pc:spChg chg="mod">
          <ac:chgData name="Brian Ruscher" userId="183d7664-2f91-481e-8d07-de5bd237b8ae" providerId="ADAL" clId="{99841053-7D18-4316-8DBD-699730DBC71B}" dt="2022-11-09T18:25:00.547" v="987" actId="20577"/>
          <ac:spMkLst>
            <pc:docMk/>
            <pc:sldMk cId="2756440831" sldId="284"/>
            <ac:spMk id="3" creationId="{B67E1C04-7AC0-47B9-A990-11C7D1776B18}"/>
          </ac:spMkLst>
        </pc:spChg>
      </pc:sldChg>
      <pc:sldChg chg="modSp mod">
        <pc:chgData name="Brian Ruscher" userId="183d7664-2f91-481e-8d07-de5bd237b8ae" providerId="ADAL" clId="{99841053-7D18-4316-8DBD-699730DBC71B}" dt="2022-11-09T18:25:15.874" v="991" actId="20577"/>
        <pc:sldMkLst>
          <pc:docMk/>
          <pc:sldMk cId="242055070" sldId="636"/>
        </pc:sldMkLst>
        <pc:spChg chg="mod">
          <ac:chgData name="Brian Ruscher" userId="183d7664-2f91-481e-8d07-de5bd237b8ae" providerId="ADAL" clId="{99841053-7D18-4316-8DBD-699730DBC71B}" dt="2022-11-09T18:25:15.874" v="991" actId="20577"/>
          <ac:spMkLst>
            <pc:docMk/>
            <pc:sldMk cId="242055070" sldId="636"/>
            <ac:spMk id="3" creationId="{B67E1C04-7AC0-47B9-A990-11C7D1776B18}"/>
          </ac:spMkLst>
        </pc:spChg>
      </pc:sldChg>
      <pc:sldChg chg="modSp mod modShow">
        <pc:chgData name="Brian Ruscher" userId="183d7664-2f91-481e-8d07-de5bd237b8ae" providerId="ADAL" clId="{99841053-7D18-4316-8DBD-699730DBC71B}" dt="2022-11-09T16:03:43.377" v="37" actId="729"/>
        <pc:sldMkLst>
          <pc:docMk/>
          <pc:sldMk cId="1571402745" sldId="637"/>
        </pc:sldMkLst>
        <pc:picChg chg="mod">
          <ac:chgData name="Brian Ruscher" userId="183d7664-2f91-481e-8d07-de5bd237b8ae" providerId="ADAL" clId="{99841053-7D18-4316-8DBD-699730DBC71B}" dt="2022-11-09T15:56:39.614" v="1" actId="1076"/>
          <ac:picMkLst>
            <pc:docMk/>
            <pc:sldMk cId="1571402745" sldId="637"/>
            <ac:picMk id="5" creationId="{4787D773-3041-2F77-4498-90834C3D131E}"/>
          </ac:picMkLst>
        </pc:picChg>
      </pc:sldChg>
      <pc:sldChg chg="addSp delSp modSp mod modNotesTx">
        <pc:chgData name="Brian Ruscher" userId="183d7664-2f91-481e-8d07-de5bd237b8ae" providerId="ADAL" clId="{99841053-7D18-4316-8DBD-699730DBC71B}" dt="2022-11-09T19:02:00.881" v="1252" actId="21"/>
        <pc:sldMkLst>
          <pc:docMk/>
          <pc:sldMk cId="3258023192" sldId="638"/>
        </pc:sldMkLst>
        <pc:spChg chg="del topLvl">
          <ac:chgData name="Brian Ruscher" userId="183d7664-2f91-481e-8d07-de5bd237b8ae" providerId="ADAL" clId="{99841053-7D18-4316-8DBD-699730DBC71B}" dt="2022-11-09T18:25:46.235" v="992" actId="478"/>
          <ac:spMkLst>
            <pc:docMk/>
            <pc:sldMk cId="3258023192" sldId="638"/>
            <ac:spMk id="9" creationId="{409871E0-B7BD-9CFB-28BE-4DF84D1CE16D}"/>
          </ac:spMkLst>
        </pc:spChg>
        <pc:spChg chg="add mod">
          <ac:chgData name="Brian Ruscher" userId="183d7664-2f91-481e-8d07-de5bd237b8ae" providerId="ADAL" clId="{99841053-7D18-4316-8DBD-699730DBC71B}" dt="2022-11-09T18:27:53.242" v="1006" actId="164"/>
          <ac:spMkLst>
            <pc:docMk/>
            <pc:sldMk cId="3258023192" sldId="638"/>
            <ac:spMk id="10" creationId="{25EFF50B-C163-A6ED-36FD-F6921256ABEA}"/>
          </ac:spMkLst>
        </pc:spChg>
        <pc:spChg chg="add del mod">
          <ac:chgData name="Brian Ruscher" userId="183d7664-2f91-481e-8d07-de5bd237b8ae" providerId="ADAL" clId="{99841053-7D18-4316-8DBD-699730DBC71B}" dt="2022-11-09T18:57:07.442" v="1216" actId="478"/>
          <ac:spMkLst>
            <pc:docMk/>
            <pc:sldMk cId="3258023192" sldId="638"/>
            <ac:spMk id="11" creationId="{C09FD5D6-CEFF-3BB2-5B8D-86BFF1D8AD3A}"/>
          </ac:spMkLst>
        </pc:spChg>
        <pc:spChg chg="add mod">
          <ac:chgData name="Brian Ruscher" userId="183d7664-2f91-481e-8d07-de5bd237b8ae" providerId="ADAL" clId="{99841053-7D18-4316-8DBD-699730DBC71B}" dt="2022-11-09T18:30:45.507" v="1031" actId="164"/>
          <ac:spMkLst>
            <pc:docMk/>
            <pc:sldMk cId="3258023192" sldId="638"/>
            <ac:spMk id="13" creationId="{33F35B2E-C2D8-F585-4BFA-6EF897B29E80}"/>
          </ac:spMkLst>
        </pc:spChg>
        <pc:spChg chg="add mod">
          <ac:chgData name="Brian Ruscher" userId="183d7664-2f91-481e-8d07-de5bd237b8ae" providerId="ADAL" clId="{99841053-7D18-4316-8DBD-699730DBC71B}" dt="2022-11-09T18:31:46.308" v="1038" actId="1076"/>
          <ac:spMkLst>
            <pc:docMk/>
            <pc:sldMk cId="3258023192" sldId="638"/>
            <ac:spMk id="15" creationId="{41DBBBA5-07F9-8CAF-1A72-0251670E49A3}"/>
          </ac:spMkLst>
        </pc:spChg>
        <pc:spChg chg="add mod">
          <ac:chgData name="Brian Ruscher" userId="183d7664-2f91-481e-8d07-de5bd237b8ae" providerId="ADAL" clId="{99841053-7D18-4316-8DBD-699730DBC71B}" dt="2022-11-09T18:58:01.722" v="1221" actId="207"/>
          <ac:spMkLst>
            <pc:docMk/>
            <pc:sldMk cId="3258023192" sldId="638"/>
            <ac:spMk id="17" creationId="{8D842837-1E96-7350-E937-9B350A607ECF}"/>
          </ac:spMkLst>
        </pc:spChg>
        <pc:grpChg chg="del mod">
          <ac:chgData name="Brian Ruscher" userId="183d7664-2f91-481e-8d07-de5bd237b8ae" providerId="ADAL" clId="{99841053-7D18-4316-8DBD-699730DBC71B}" dt="2022-11-09T18:25:46.235" v="992" actId="478"/>
          <ac:grpSpMkLst>
            <pc:docMk/>
            <pc:sldMk cId="3258023192" sldId="638"/>
            <ac:grpSpMk id="7" creationId="{3CC30E5E-A531-4347-A392-4EB715586580}"/>
          </ac:grpSpMkLst>
        </pc:grpChg>
        <pc:grpChg chg="add mod">
          <ac:chgData name="Brian Ruscher" userId="183d7664-2f91-481e-8d07-de5bd237b8ae" providerId="ADAL" clId="{99841053-7D18-4316-8DBD-699730DBC71B}" dt="2022-11-09T18:27:53.242" v="1006" actId="164"/>
          <ac:grpSpMkLst>
            <pc:docMk/>
            <pc:sldMk cId="3258023192" sldId="638"/>
            <ac:grpSpMk id="12" creationId="{53ED8869-7BF8-DF32-96AD-B20F35BF610B}"/>
          </ac:grpSpMkLst>
        </pc:grpChg>
        <pc:grpChg chg="add mod">
          <ac:chgData name="Brian Ruscher" userId="183d7664-2f91-481e-8d07-de5bd237b8ae" providerId="ADAL" clId="{99841053-7D18-4316-8DBD-699730DBC71B}" dt="2022-11-09T18:30:45.507" v="1031" actId="164"/>
          <ac:grpSpMkLst>
            <pc:docMk/>
            <pc:sldMk cId="3258023192" sldId="638"/>
            <ac:grpSpMk id="14" creationId="{4020AECD-E58A-7461-BF08-0F3208AEF651}"/>
          </ac:grpSpMkLst>
        </pc:grpChg>
        <pc:grpChg chg="add mod">
          <ac:chgData name="Brian Ruscher" userId="183d7664-2f91-481e-8d07-de5bd237b8ae" providerId="ADAL" clId="{99841053-7D18-4316-8DBD-699730DBC71B}" dt="2022-11-09T18:31:37.425" v="1037" actId="164"/>
          <ac:grpSpMkLst>
            <pc:docMk/>
            <pc:sldMk cId="3258023192" sldId="638"/>
            <ac:grpSpMk id="16" creationId="{D4092432-AA7B-4668-E60E-DDBFEC48B279}"/>
          </ac:grpSpMkLst>
        </pc:grpChg>
        <pc:picChg chg="add mod">
          <ac:chgData name="Brian Ruscher" userId="183d7664-2f91-481e-8d07-de5bd237b8ae" providerId="ADAL" clId="{99841053-7D18-4316-8DBD-699730DBC71B}" dt="2022-11-09T18:57:04.418" v="1215" actId="1076"/>
          <ac:picMkLst>
            <pc:docMk/>
            <pc:sldMk cId="3258023192" sldId="638"/>
            <ac:picMk id="2" creationId="{EAF66AD5-AAA8-B8B5-F047-EB172E792C26}"/>
          </ac:picMkLst>
        </pc:picChg>
        <pc:picChg chg="add mod">
          <ac:chgData name="Brian Ruscher" userId="183d7664-2f91-481e-8d07-de5bd237b8ae" providerId="ADAL" clId="{99841053-7D18-4316-8DBD-699730DBC71B}" dt="2022-11-09T18:27:53.242" v="1006" actId="164"/>
          <ac:picMkLst>
            <pc:docMk/>
            <pc:sldMk cId="3258023192" sldId="638"/>
            <ac:picMk id="4" creationId="{F840A206-7D2D-27CA-002B-4D8A67494FB9}"/>
          </ac:picMkLst>
        </pc:picChg>
        <pc:picChg chg="add mod">
          <ac:chgData name="Brian Ruscher" userId="183d7664-2f91-481e-8d07-de5bd237b8ae" providerId="ADAL" clId="{99841053-7D18-4316-8DBD-699730DBC71B}" dt="2022-11-09T18:30:45.507" v="1031" actId="164"/>
          <ac:picMkLst>
            <pc:docMk/>
            <pc:sldMk cId="3258023192" sldId="638"/>
            <ac:picMk id="5" creationId="{3A92A272-39F9-0390-4D3F-27578885B8AA}"/>
          </ac:picMkLst>
        </pc:picChg>
        <pc:picChg chg="add mod">
          <ac:chgData name="Brian Ruscher" userId="183d7664-2f91-481e-8d07-de5bd237b8ae" providerId="ADAL" clId="{99841053-7D18-4316-8DBD-699730DBC71B}" dt="2022-11-09T18:31:37.425" v="1037" actId="164"/>
          <ac:picMkLst>
            <pc:docMk/>
            <pc:sldMk cId="3258023192" sldId="638"/>
            <ac:picMk id="6" creationId="{AF79AD6E-8958-05C8-95C0-C4C9190D1D71}"/>
          </ac:picMkLst>
        </pc:picChg>
        <pc:picChg chg="mod topLvl">
          <ac:chgData name="Brian Ruscher" userId="183d7664-2f91-481e-8d07-de5bd237b8ae" providerId="ADAL" clId="{99841053-7D18-4316-8DBD-699730DBC71B}" dt="2022-11-09T18:56:37.867" v="1214" actId="1076"/>
          <ac:picMkLst>
            <pc:docMk/>
            <pc:sldMk cId="3258023192" sldId="638"/>
            <ac:picMk id="8" creationId="{A74C77A8-B875-61B4-0671-59662771975B}"/>
          </ac:picMkLst>
        </pc:picChg>
        <pc:picChg chg="add del mod">
          <ac:chgData name="Brian Ruscher" userId="183d7664-2f91-481e-8d07-de5bd237b8ae" providerId="ADAL" clId="{99841053-7D18-4316-8DBD-699730DBC71B}" dt="2022-11-09T19:02:00.881" v="1252" actId="21"/>
          <ac:picMkLst>
            <pc:docMk/>
            <pc:sldMk cId="3258023192" sldId="638"/>
            <ac:picMk id="25" creationId="{F178000E-D93D-61F2-05F1-35AF60D264BD}"/>
          </ac:picMkLst>
        </pc:picChg>
        <pc:picChg chg="add del mod">
          <ac:chgData name="Brian Ruscher" userId="183d7664-2f91-481e-8d07-de5bd237b8ae" providerId="ADAL" clId="{99841053-7D18-4316-8DBD-699730DBC71B}" dt="2022-11-09T19:02:00.881" v="1252" actId="21"/>
          <ac:picMkLst>
            <pc:docMk/>
            <pc:sldMk cId="3258023192" sldId="638"/>
            <ac:picMk id="26" creationId="{CB7B6D2D-5068-E1D7-766B-0FE1C0B9FEDD}"/>
          </ac:picMkLst>
        </pc:picChg>
        <pc:cxnChg chg="add del mod">
          <ac:chgData name="Brian Ruscher" userId="183d7664-2f91-481e-8d07-de5bd237b8ae" providerId="ADAL" clId="{99841053-7D18-4316-8DBD-699730DBC71B}" dt="2022-11-09T18:59:56.441" v="1230" actId="478"/>
          <ac:cxnSpMkLst>
            <pc:docMk/>
            <pc:sldMk cId="3258023192" sldId="638"/>
            <ac:cxnSpMk id="19" creationId="{CB303880-A423-D126-4C35-FC2D61908A86}"/>
          </ac:cxnSpMkLst>
        </pc:cxnChg>
      </pc:sldChg>
      <pc:sldChg chg="mod modShow">
        <pc:chgData name="Brian Ruscher" userId="183d7664-2f91-481e-8d07-de5bd237b8ae" providerId="ADAL" clId="{99841053-7D18-4316-8DBD-699730DBC71B}" dt="2022-11-09T16:04:11.007" v="43" actId="729"/>
        <pc:sldMkLst>
          <pc:docMk/>
          <pc:sldMk cId="4001088973" sldId="639"/>
        </pc:sldMkLst>
      </pc:sldChg>
      <pc:sldChg chg="mod modShow">
        <pc:chgData name="Brian Ruscher" userId="183d7664-2f91-481e-8d07-de5bd237b8ae" providerId="ADAL" clId="{99841053-7D18-4316-8DBD-699730DBC71B}" dt="2022-11-09T16:04:15.129" v="44" actId="729"/>
        <pc:sldMkLst>
          <pc:docMk/>
          <pc:sldMk cId="3167820640" sldId="640"/>
        </pc:sldMkLst>
      </pc:sldChg>
      <pc:sldChg chg="mod modShow">
        <pc:chgData name="Brian Ruscher" userId="183d7664-2f91-481e-8d07-de5bd237b8ae" providerId="ADAL" clId="{99841053-7D18-4316-8DBD-699730DBC71B}" dt="2022-11-09T16:04:57.778" v="52" actId="729"/>
        <pc:sldMkLst>
          <pc:docMk/>
          <pc:sldMk cId="4001938543" sldId="641"/>
        </pc:sldMkLst>
      </pc:sldChg>
      <pc:sldChg chg="mod modShow">
        <pc:chgData name="Brian Ruscher" userId="183d7664-2f91-481e-8d07-de5bd237b8ae" providerId="ADAL" clId="{99841053-7D18-4316-8DBD-699730DBC71B}" dt="2022-11-09T16:05:00.817" v="53" actId="729"/>
        <pc:sldMkLst>
          <pc:docMk/>
          <pc:sldMk cId="1307558623" sldId="642"/>
        </pc:sldMkLst>
      </pc:sldChg>
      <pc:sldChg chg="mod modShow">
        <pc:chgData name="Brian Ruscher" userId="183d7664-2f91-481e-8d07-de5bd237b8ae" providerId="ADAL" clId="{99841053-7D18-4316-8DBD-699730DBC71B}" dt="2022-11-09T16:06:17.738" v="67" actId="729"/>
        <pc:sldMkLst>
          <pc:docMk/>
          <pc:sldMk cId="1707714390" sldId="643"/>
        </pc:sldMkLst>
      </pc:sldChg>
      <pc:sldChg chg="mod modShow">
        <pc:chgData name="Brian Ruscher" userId="183d7664-2f91-481e-8d07-de5bd237b8ae" providerId="ADAL" clId="{99841053-7D18-4316-8DBD-699730DBC71B}" dt="2022-11-09T16:06:17.738" v="67" actId="729"/>
        <pc:sldMkLst>
          <pc:docMk/>
          <pc:sldMk cId="1181495156" sldId="644"/>
        </pc:sldMkLst>
      </pc:sldChg>
      <pc:sldChg chg="addSp modSp mod">
        <pc:chgData name="Brian Ruscher" userId="183d7664-2f91-481e-8d07-de5bd237b8ae" providerId="ADAL" clId="{99841053-7D18-4316-8DBD-699730DBC71B}" dt="2022-11-09T19:02:24.407" v="1259" actId="1076"/>
        <pc:sldMkLst>
          <pc:docMk/>
          <pc:sldMk cId="2899993454" sldId="645"/>
        </pc:sldMkLst>
        <pc:graphicFrameChg chg="modGraphic">
          <ac:chgData name="Brian Ruscher" userId="183d7664-2f91-481e-8d07-de5bd237b8ae" providerId="ADAL" clId="{99841053-7D18-4316-8DBD-699730DBC71B}" dt="2022-11-09T19:01:38.650" v="1246" actId="20577"/>
          <ac:graphicFrameMkLst>
            <pc:docMk/>
            <pc:sldMk cId="2899993454" sldId="645"/>
            <ac:graphicFrameMk id="7" creationId="{448056AE-94DE-BB1A-C3EC-84792FDC3767}"/>
          </ac:graphicFrameMkLst>
        </pc:graphicFrameChg>
        <pc:picChg chg="add mod">
          <ac:chgData name="Brian Ruscher" userId="183d7664-2f91-481e-8d07-de5bd237b8ae" providerId="ADAL" clId="{99841053-7D18-4316-8DBD-699730DBC71B}" dt="2022-11-09T19:01:44.077" v="1247" actId="1076"/>
          <ac:picMkLst>
            <pc:docMk/>
            <pc:sldMk cId="2899993454" sldId="645"/>
            <ac:picMk id="2" creationId="{8EFC2F58-357D-B5E4-E166-2185D418D58D}"/>
          </ac:picMkLst>
        </pc:picChg>
        <pc:picChg chg="add mod">
          <ac:chgData name="Brian Ruscher" userId="183d7664-2f91-481e-8d07-de5bd237b8ae" providerId="ADAL" clId="{99841053-7D18-4316-8DBD-699730DBC71B}" dt="2022-11-09T19:02:19.245" v="1257" actId="1076"/>
          <ac:picMkLst>
            <pc:docMk/>
            <pc:sldMk cId="2899993454" sldId="645"/>
            <ac:picMk id="4" creationId="{C5E0127B-DEE4-C99F-F2F3-B88004A12D0C}"/>
          </ac:picMkLst>
        </pc:picChg>
        <pc:picChg chg="add mod">
          <ac:chgData name="Brian Ruscher" userId="183d7664-2f91-481e-8d07-de5bd237b8ae" providerId="ADAL" clId="{99841053-7D18-4316-8DBD-699730DBC71B}" dt="2022-11-09T19:02:24.407" v="1259" actId="1076"/>
          <ac:picMkLst>
            <pc:docMk/>
            <pc:sldMk cId="2899993454" sldId="645"/>
            <ac:picMk id="5" creationId="{C0AEF699-FABB-534F-A0DF-3C1390B39E90}"/>
          </ac:picMkLst>
        </pc:picChg>
      </pc:sldChg>
      <pc:sldChg chg="modSp mod">
        <pc:chgData name="Brian Ruscher" userId="183d7664-2f91-481e-8d07-de5bd237b8ae" providerId="ADAL" clId="{99841053-7D18-4316-8DBD-699730DBC71B}" dt="2022-11-09T16:07:11.368" v="70" actId="242"/>
        <pc:sldMkLst>
          <pc:docMk/>
          <pc:sldMk cId="3261109311" sldId="646"/>
        </pc:sldMkLst>
        <pc:spChg chg="mod">
          <ac:chgData name="Brian Ruscher" userId="183d7664-2f91-481e-8d07-de5bd237b8ae" providerId="ADAL" clId="{99841053-7D18-4316-8DBD-699730DBC71B}" dt="2022-11-09T16:07:11.368" v="70" actId="242"/>
          <ac:spMkLst>
            <pc:docMk/>
            <pc:sldMk cId="3261109311" sldId="646"/>
            <ac:spMk id="2" creationId="{E373D351-0C07-414D-B4BF-BBE5F1F83375}"/>
          </ac:spMkLst>
        </pc:spChg>
      </pc:sldChg>
      <pc:sldChg chg="addSp delSp modSp mod modShow">
        <pc:chgData name="Brian Ruscher" userId="183d7664-2f91-481e-8d07-de5bd237b8ae" providerId="ADAL" clId="{99841053-7D18-4316-8DBD-699730DBC71B}" dt="2022-11-09T18:53:34.483" v="1179" actId="729"/>
        <pc:sldMkLst>
          <pc:docMk/>
          <pc:sldMk cId="249880718" sldId="648"/>
        </pc:sldMkLst>
        <pc:spChg chg="add del mod">
          <ac:chgData name="Brian Ruscher" userId="183d7664-2f91-481e-8d07-de5bd237b8ae" providerId="ADAL" clId="{99841053-7D18-4316-8DBD-699730DBC71B}" dt="2022-11-09T16:09:57.645" v="88"/>
          <ac:spMkLst>
            <pc:docMk/>
            <pc:sldMk cId="249880718" sldId="648"/>
            <ac:spMk id="2" creationId="{E381E31F-1813-44E2-B576-489449128379}"/>
          </ac:spMkLst>
        </pc:spChg>
        <pc:spChg chg="add mod">
          <ac:chgData name="Brian Ruscher" userId="183d7664-2f91-481e-8d07-de5bd237b8ae" providerId="ADAL" clId="{99841053-7D18-4316-8DBD-699730DBC71B}" dt="2022-11-09T18:53:26.319" v="1178" actId="313"/>
          <ac:spMkLst>
            <pc:docMk/>
            <pc:sldMk cId="249880718" sldId="648"/>
            <ac:spMk id="4" creationId="{384EE317-B1C3-9253-6DA3-404D03299AE7}"/>
          </ac:spMkLst>
        </pc:spChg>
        <pc:spChg chg="mod">
          <ac:chgData name="Brian Ruscher" userId="183d7664-2f91-481e-8d07-de5bd237b8ae" providerId="ADAL" clId="{99841053-7D18-4316-8DBD-699730DBC71B}" dt="2022-11-09T16:15:38.307" v="89" actId="14100"/>
          <ac:spMkLst>
            <pc:docMk/>
            <pc:sldMk cId="249880718" sldId="648"/>
            <ac:spMk id="5" creationId="{AF87DDB2-917B-AE5E-30C9-C82727C7223F}"/>
          </ac:spMkLst>
        </pc:spChg>
        <pc:spChg chg="mod">
          <ac:chgData name="Brian Ruscher" userId="183d7664-2f91-481e-8d07-de5bd237b8ae" providerId="ADAL" clId="{99841053-7D18-4316-8DBD-699730DBC71B}" dt="2022-11-09T16:09:11.343" v="72" actId="255"/>
          <ac:spMkLst>
            <pc:docMk/>
            <pc:sldMk cId="249880718" sldId="648"/>
            <ac:spMk id="7" creationId="{756F6699-29A3-00EB-C9E7-B4C665A2E6D1}"/>
          </ac:spMkLst>
        </pc:spChg>
      </pc:sldChg>
      <pc:sldChg chg="modSp mod">
        <pc:chgData name="Brian Ruscher" userId="183d7664-2f91-481e-8d07-de5bd237b8ae" providerId="ADAL" clId="{99841053-7D18-4316-8DBD-699730DBC71B}" dt="2022-11-09T16:16:23.034" v="90" actId="113"/>
        <pc:sldMkLst>
          <pc:docMk/>
          <pc:sldMk cId="2522695746" sldId="649"/>
        </pc:sldMkLst>
        <pc:spChg chg="mod">
          <ac:chgData name="Brian Ruscher" userId="183d7664-2f91-481e-8d07-de5bd237b8ae" providerId="ADAL" clId="{99841053-7D18-4316-8DBD-699730DBC71B}" dt="2022-11-09T16:16:23.034" v="90" actId="113"/>
          <ac:spMkLst>
            <pc:docMk/>
            <pc:sldMk cId="2522695746" sldId="649"/>
            <ac:spMk id="2" creationId="{E373D351-0C07-414D-B4BF-BBE5F1F83375}"/>
          </ac:spMkLst>
        </pc:spChg>
      </pc:sldChg>
      <pc:sldChg chg="modSp mod addCm">
        <pc:chgData name="Brian Ruscher" userId="183d7664-2f91-481e-8d07-de5bd237b8ae" providerId="ADAL" clId="{99841053-7D18-4316-8DBD-699730DBC71B}" dt="2022-11-09T16:20:05.034" v="310"/>
        <pc:sldMkLst>
          <pc:docMk/>
          <pc:sldMk cId="1611420618" sldId="650"/>
        </pc:sldMkLst>
        <pc:spChg chg="mod">
          <ac:chgData name="Brian Ruscher" userId="183d7664-2f91-481e-8d07-de5bd237b8ae" providerId="ADAL" clId="{99841053-7D18-4316-8DBD-699730DBC71B}" dt="2022-11-09T16:19:02.844" v="309" actId="113"/>
          <ac:spMkLst>
            <pc:docMk/>
            <pc:sldMk cId="1611420618" sldId="650"/>
            <ac:spMk id="6" creationId="{DFD3E05C-B9FC-8065-1833-AA29BE49F2FE}"/>
          </ac:spMkLst>
        </pc:spChg>
      </pc:sldChg>
      <pc:sldChg chg="modSp mod">
        <pc:chgData name="Brian Ruscher" userId="183d7664-2f91-481e-8d07-de5bd237b8ae" providerId="ADAL" clId="{99841053-7D18-4316-8DBD-699730DBC71B}" dt="2022-11-09T16:21:43.090" v="424" actId="20577"/>
        <pc:sldMkLst>
          <pc:docMk/>
          <pc:sldMk cId="529784644" sldId="653"/>
        </pc:sldMkLst>
        <pc:spChg chg="mod">
          <ac:chgData name="Brian Ruscher" userId="183d7664-2f91-481e-8d07-de5bd237b8ae" providerId="ADAL" clId="{99841053-7D18-4316-8DBD-699730DBC71B}" dt="2022-11-09T16:21:43.090" v="424" actId="20577"/>
          <ac:spMkLst>
            <pc:docMk/>
            <pc:sldMk cId="529784644" sldId="653"/>
            <ac:spMk id="2" creationId="{62466923-4D41-4DCD-9587-2855C0719472}"/>
          </ac:spMkLst>
        </pc:spChg>
        <pc:spChg chg="mod">
          <ac:chgData name="Brian Ruscher" userId="183d7664-2f91-481e-8d07-de5bd237b8ae" providerId="ADAL" clId="{99841053-7D18-4316-8DBD-699730DBC71B}" dt="2022-11-09T16:20:50.683" v="311" actId="20577"/>
          <ac:spMkLst>
            <pc:docMk/>
            <pc:sldMk cId="529784644" sldId="653"/>
            <ac:spMk id="3" creationId="{B67E1C04-7AC0-47B9-A990-11C7D1776B18}"/>
          </ac:spMkLst>
        </pc:spChg>
      </pc:sldChg>
      <pc:sldChg chg="modSp mod addCm">
        <pc:chgData name="Brian Ruscher" userId="183d7664-2f91-481e-8d07-de5bd237b8ae" providerId="ADAL" clId="{99841053-7D18-4316-8DBD-699730DBC71B}" dt="2022-11-09T16:22:34.746" v="435" actId="20577"/>
        <pc:sldMkLst>
          <pc:docMk/>
          <pc:sldMk cId="3485489309" sldId="654"/>
        </pc:sldMkLst>
        <pc:spChg chg="mod">
          <ac:chgData name="Brian Ruscher" userId="183d7664-2f91-481e-8d07-de5bd237b8ae" providerId="ADAL" clId="{99841053-7D18-4316-8DBD-699730DBC71B}" dt="2022-11-09T16:22:34.746" v="435" actId="20577"/>
          <ac:spMkLst>
            <pc:docMk/>
            <pc:sldMk cId="3485489309" sldId="654"/>
            <ac:spMk id="2" creationId="{62466923-4D41-4DCD-9587-2855C0719472}"/>
          </ac:spMkLst>
        </pc:spChg>
      </pc:sldChg>
      <pc:sldChg chg="modSp mod">
        <pc:chgData name="Brian Ruscher" userId="183d7664-2f91-481e-8d07-de5bd237b8ae" providerId="ADAL" clId="{99841053-7D18-4316-8DBD-699730DBC71B}" dt="2022-11-09T16:22:40.058" v="437" actId="27636"/>
        <pc:sldMkLst>
          <pc:docMk/>
          <pc:sldMk cId="2350518952" sldId="655"/>
        </pc:sldMkLst>
        <pc:spChg chg="mod">
          <ac:chgData name="Brian Ruscher" userId="183d7664-2f91-481e-8d07-de5bd237b8ae" providerId="ADAL" clId="{99841053-7D18-4316-8DBD-699730DBC71B}" dt="2022-11-09T16:22:40.058" v="437" actId="27636"/>
          <ac:spMkLst>
            <pc:docMk/>
            <pc:sldMk cId="2350518952" sldId="655"/>
            <ac:spMk id="2" creationId="{E373D351-0C07-414D-B4BF-BBE5F1F83375}"/>
          </ac:spMkLst>
        </pc:spChg>
      </pc:sldChg>
      <pc:sldChg chg="modSp mod modShow">
        <pc:chgData name="Brian Ruscher" userId="183d7664-2f91-481e-8d07-de5bd237b8ae" providerId="ADAL" clId="{99841053-7D18-4316-8DBD-699730DBC71B}" dt="2022-11-09T18:40:01.339" v="1085" actId="729"/>
        <pc:sldMkLst>
          <pc:docMk/>
          <pc:sldMk cId="1667146309" sldId="656"/>
        </pc:sldMkLst>
        <pc:spChg chg="mod">
          <ac:chgData name="Brian Ruscher" userId="183d7664-2f91-481e-8d07-de5bd237b8ae" providerId="ADAL" clId="{99841053-7D18-4316-8DBD-699730DBC71B}" dt="2022-11-09T16:25:16.560" v="562" actId="20577"/>
          <ac:spMkLst>
            <pc:docMk/>
            <pc:sldMk cId="1667146309" sldId="656"/>
            <ac:spMk id="2" creationId="{62466923-4D41-4DCD-9587-2855C0719472}"/>
          </ac:spMkLst>
        </pc:spChg>
      </pc:sldChg>
      <pc:sldChg chg="modSp mod">
        <pc:chgData name="Brian Ruscher" userId="183d7664-2f91-481e-8d07-de5bd237b8ae" providerId="ADAL" clId="{99841053-7D18-4316-8DBD-699730DBC71B}" dt="2022-11-09T18:54:45.626" v="1202" actId="113"/>
        <pc:sldMkLst>
          <pc:docMk/>
          <pc:sldMk cId="709357709" sldId="657"/>
        </pc:sldMkLst>
        <pc:spChg chg="mod">
          <ac:chgData name="Brian Ruscher" userId="183d7664-2f91-481e-8d07-de5bd237b8ae" providerId="ADAL" clId="{99841053-7D18-4316-8DBD-699730DBC71B}" dt="2022-11-09T18:54:45.626" v="1202" actId="113"/>
          <ac:spMkLst>
            <pc:docMk/>
            <pc:sldMk cId="709357709" sldId="657"/>
            <ac:spMk id="6" creationId="{F6282CBB-EB3C-DF2A-19FF-00D496281762}"/>
          </ac:spMkLst>
        </pc:spChg>
      </pc:sldChg>
      <pc:sldChg chg="modSp mod">
        <pc:chgData name="Brian Ruscher" userId="183d7664-2f91-481e-8d07-de5bd237b8ae" providerId="ADAL" clId="{99841053-7D18-4316-8DBD-699730DBC71B}" dt="2022-11-09T15:56:16.087" v="0" actId="113"/>
        <pc:sldMkLst>
          <pc:docMk/>
          <pc:sldMk cId="2731012571" sldId="660"/>
        </pc:sldMkLst>
        <pc:spChg chg="mod">
          <ac:chgData name="Brian Ruscher" userId="183d7664-2f91-481e-8d07-de5bd237b8ae" providerId="ADAL" clId="{99841053-7D18-4316-8DBD-699730DBC71B}" dt="2022-11-09T15:56:16.087" v="0" actId="113"/>
          <ac:spMkLst>
            <pc:docMk/>
            <pc:sldMk cId="2731012571" sldId="660"/>
            <ac:spMk id="2" creationId="{E373D351-0C07-414D-B4BF-BBE5F1F83375}"/>
          </ac:spMkLst>
        </pc:spChg>
      </pc:sldChg>
      <pc:sldChg chg="modSp mod">
        <pc:chgData name="Brian Ruscher" userId="183d7664-2f91-481e-8d07-de5bd237b8ae" providerId="ADAL" clId="{99841053-7D18-4316-8DBD-699730DBC71B}" dt="2022-11-09T16:23:36.299" v="515" actId="20577"/>
        <pc:sldMkLst>
          <pc:docMk/>
          <pc:sldMk cId="1068056954" sldId="662"/>
        </pc:sldMkLst>
        <pc:spChg chg="mod">
          <ac:chgData name="Brian Ruscher" userId="183d7664-2f91-481e-8d07-de5bd237b8ae" providerId="ADAL" clId="{99841053-7D18-4316-8DBD-699730DBC71B}" dt="2022-11-09T16:23:36.299" v="515" actId="20577"/>
          <ac:spMkLst>
            <pc:docMk/>
            <pc:sldMk cId="1068056954" sldId="662"/>
            <ac:spMk id="3" creationId="{00000000-0000-0000-0000-000000000000}"/>
          </ac:spMkLst>
        </pc:spChg>
      </pc:sldChg>
      <pc:sldChg chg="addSp delSp modSp mod">
        <pc:chgData name="Brian Ruscher" userId="183d7664-2f91-481e-8d07-de5bd237b8ae" providerId="ADAL" clId="{99841053-7D18-4316-8DBD-699730DBC71B}" dt="2022-11-09T18:55:10.964" v="1207" actId="1076"/>
        <pc:sldMkLst>
          <pc:docMk/>
          <pc:sldMk cId="3839614975" sldId="663"/>
        </pc:sldMkLst>
        <pc:spChg chg="add del mod">
          <ac:chgData name="Brian Ruscher" userId="183d7664-2f91-481e-8d07-de5bd237b8ae" providerId="ADAL" clId="{99841053-7D18-4316-8DBD-699730DBC71B}" dt="2022-11-09T17:26:55.272" v="620" actId="478"/>
          <ac:spMkLst>
            <pc:docMk/>
            <pc:sldMk cId="3839614975" sldId="663"/>
            <ac:spMk id="2" creationId="{15265EE5-D44F-D565-FEFA-2537A94F778B}"/>
          </ac:spMkLst>
        </pc:spChg>
        <pc:spChg chg="add del mod ord">
          <ac:chgData name="Brian Ruscher" userId="183d7664-2f91-481e-8d07-de5bd237b8ae" providerId="ADAL" clId="{99841053-7D18-4316-8DBD-699730DBC71B}" dt="2022-11-09T17:28:37.138" v="704" actId="478"/>
          <ac:spMkLst>
            <pc:docMk/>
            <pc:sldMk cId="3839614975" sldId="663"/>
            <ac:spMk id="3" creationId="{17401969-804E-5DE7-28EF-453184FFA988}"/>
          </ac:spMkLst>
        </pc:spChg>
        <pc:spChg chg="add del mod">
          <ac:chgData name="Brian Ruscher" userId="183d7664-2f91-481e-8d07-de5bd237b8ae" providerId="ADAL" clId="{99841053-7D18-4316-8DBD-699730DBC71B}" dt="2022-11-09T17:36:24.529" v="957" actId="14100"/>
          <ac:spMkLst>
            <pc:docMk/>
            <pc:sldMk cId="3839614975" sldId="663"/>
            <ac:spMk id="4" creationId="{DD13D155-6444-5DDC-DB7D-6C26F21E0131}"/>
          </ac:spMkLst>
        </pc:spChg>
        <pc:spChg chg="add del mod">
          <ac:chgData name="Brian Ruscher" userId="183d7664-2f91-481e-8d07-de5bd237b8ae" providerId="ADAL" clId="{99841053-7D18-4316-8DBD-699730DBC71B}" dt="2022-11-09T17:32:14.019" v="897" actId="478"/>
          <ac:spMkLst>
            <pc:docMk/>
            <pc:sldMk cId="3839614975" sldId="663"/>
            <ac:spMk id="6" creationId="{FBB795F4-52A2-ADB3-A919-51B07AC9C44E}"/>
          </ac:spMkLst>
        </pc:spChg>
        <pc:spChg chg="add del mod">
          <ac:chgData name="Brian Ruscher" userId="183d7664-2f91-481e-8d07-de5bd237b8ae" providerId="ADAL" clId="{99841053-7D18-4316-8DBD-699730DBC71B}" dt="2022-11-09T17:32:16.060" v="898" actId="478"/>
          <ac:spMkLst>
            <pc:docMk/>
            <pc:sldMk cId="3839614975" sldId="663"/>
            <ac:spMk id="7" creationId="{AFFFA57C-ABBD-1FAF-71F9-A9E9042FD664}"/>
          </ac:spMkLst>
        </pc:spChg>
        <pc:spChg chg="add mod">
          <ac:chgData name="Brian Ruscher" userId="183d7664-2f91-481e-8d07-de5bd237b8ae" providerId="ADAL" clId="{99841053-7D18-4316-8DBD-699730DBC71B}" dt="2022-11-09T18:55:10.964" v="1207" actId="1076"/>
          <ac:spMkLst>
            <pc:docMk/>
            <pc:sldMk cId="3839614975" sldId="663"/>
            <ac:spMk id="8" creationId="{BABE6757-3053-4BCA-7067-43CBF9469665}"/>
          </ac:spMkLst>
        </pc:spChg>
        <pc:spChg chg="mod">
          <ac:chgData name="Brian Ruscher" userId="183d7664-2f91-481e-8d07-de5bd237b8ae" providerId="ADAL" clId="{99841053-7D18-4316-8DBD-699730DBC71B}" dt="2022-11-09T16:31:18.044" v="610" actId="113"/>
          <ac:spMkLst>
            <pc:docMk/>
            <pc:sldMk cId="3839614975" sldId="663"/>
            <ac:spMk id="9" creationId="{79EC3211-62BC-C950-FDE7-F7DAFD39CFF9}"/>
          </ac:spMkLst>
        </pc:spChg>
        <pc:spChg chg="del">
          <ac:chgData name="Brian Ruscher" userId="183d7664-2f91-481e-8d07-de5bd237b8ae" providerId="ADAL" clId="{99841053-7D18-4316-8DBD-699730DBC71B}" dt="2022-11-09T17:26:41.939" v="615" actId="478"/>
          <ac:spMkLst>
            <pc:docMk/>
            <pc:sldMk cId="3839614975" sldId="663"/>
            <ac:spMk id="13" creationId="{9DE83684-4AEE-4A3A-83D4-CECEBAA5D4DC}"/>
          </ac:spMkLst>
        </pc:spChg>
        <pc:spChg chg="del">
          <ac:chgData name="Brian Ruscher" userId="183d7664-2f91-481e-8d07-de5bd237b8ae" providerId="ADAL" clId="{99841053-7D18-4316-8DBD-699730DBC71B}" dt="2022-11-09T17:26:40.936" v="614" actId="478"/>
          <ac:spMkLst>
            <pc:docMk/>
            <pc:sldMk cId="3839614975" sldId="663"/>
            <ac:spMk id="14" creationId="{754834EA-FC1C-437B-52A5-7395BF752642}"/>
          </ac:spMkLst>
        </pc:spChg>
        <pc:spChg chg="add mod">
          <ac:chgData name="Brian Ruscher" userId="183d7664-2f91-481e-8d07-de5bd237b8ae" providerId="ADAL" clId="{99841053-7D18-4316-8DBD-699730DBC71B}" dt="2022-11-09T18:55:10.964" v="1207" actId="1076"/>
          <ac:spMkLst>
            <pc:docMk/>
            <pc:sldMk cId="3839614975" sldId="663"/>
            <ac:spMk id="15" creationId="{EA5A735A-769F-43A0-B1F2-44F5F2D976AE}"/>
          </ac:spMkLst>
        </pc:spChg>
        <pc:picChg chg="mod">
          <ac:chgData name="Brian Ruscher" userId="183d7664-2f91-481e-8d07-de5bd237b8ae" providerId="ADAL" clId="{99841053-7D18-4316-8DBD-699730DBC71B}" dt="2022-11-09T17:32:19.534" v="901" actId="1076"/>
          <ac:picMkLst>
            <pc:docMk/>
            <pc:sldMk cId="3839614975" sldId="663"/>
            <ac:picMk id="5" creationId="{B80E1870-600E-2D65-4F49-705780E684E4}"/>
          </ac:picMkLst>
        </pc:picChg>
        <pc:picChg chg="mod">
          <ac:chgData name="Brian Ruscher" userId="183d7664-2f91-481e-8d07-de5bd237b8ae" providerId="ADAL" clId="{99841053-7D18-4316-8DBD-699730DBC71B}" dt="2022-11-09T18:55:02.088" v="1206" actId="1076"/>
          <ac:picMkLst>
            <pc:docMk/>
            <pc:sldMk cId="3839614975" sldId="663"/>
            <ac:picMk id="11" creationId="{174B7926-20B1-17A3-68D6-BF13836549EF}"/>
          </ac:picMkLst>
        </pc:picChg>
        <pc:picChg chg="mod">
          <ac:chgData name="Brian Ruscher" userId="183d7664-2f91-481e-8d07-de5bd237b8ae" providerId="ADAL" clId="{99841053-7D18-4316-8DBD-699730DBC71B}" dt="2022-11-09T17:37:06.149" v="971" actId="1076"/>
          <ac:picMkLst>
            <pc:docMk/>
            <pc:sldMk cId="3839614975" sldId="663"/>
            <ac:picMk id="12" creationId="{0DDE1A7D-5007-97CB-436D-E60B15AE6174}"/>
          </ac:picMkLst>
        </pc:picChg>
      </pc:sldChg>
      <pc:sldChg chg="modSp add mod ord">
        <pc:chgData name="Brian Ruscher" userId="183d7664-2f91-481e-8d07-de5bd237b8ae" providerId="ADAL" clId="{99841053-7D18-4316-8DBD-699730DBC71B}" dt="2022-11-09T17:33:33.978" v="917" actId="242"/>
        <pc:sldMkLst>
          <pc:docMk/>
          <pc:sldMk cId="633470455" sldId="664"/>
        </pc:sldMkLst>
        <pc:spChg chg="mod">
          <ac:chgData name="Brian Ruscher" userId="183d7664-2f91-481e-8d07-de5bd237b8ae" providerId="ADAL" clId="{99841053-7D18-4316-8DBD-699730DBC71B}" dt="2022-11-09T17:33:33.978" v="917" actId="242"/>
          <ac:spMkLst>
            <pc:docMk/>
            <pc:sldMk cId="633470455" sldId="664"/>
            <ac:spMk id="2" creationId="{00000000-0000-0000-0000-000000000000}"/>
          </ac:spMkLst>
        </pc:spChg>
      </pc:sldChg>
      <pc:sldChg chg="add del">
        <pc:chgData name="Brian Ruscher" userId="183d7664-2f91-481e-8d07-de5bd237b8ae" providerId="ADAL" clId="{99841053-7D18-4316-8DBD-699730DBC71B}" dt="2022-11-09T17:34:34.239" v="928"/>
        <pc:sldMkLst>
          <pc:docMk/>
          <pc:sldMk cId="3106410494" sldId="665"/>
        </pc:sldMkLst>
      </pc:sldChg>
      <pc:sldChg chg="delSp add ord">
        <pc:chgData name="Brian Ruscher" userId="183d7664-2f91-481e-8d07-de5bd237b8ae" providerId="ADAL" clId="{99841053-7D18-4316-8DBD-699730DBC71B}" dt="2022-11-09T18:54:01.302" v="1200"/>
        <pc:sldMkLst>
          <pc:docMk/>
          <pc:sldMk cId="4226183675" sldId="665"/>
        </pc:sldMkLst>
        <pc:spChg chg="del">
          <ac:chgData name="Brian Ruscher" userId="183d7664-2f91-481e-8d07-de5bd237b8ae" providerId="ADAL" clId="{99841053-7D18-4316-8DBD-699730DBC71B}" dt="2022-11-09T18:32:01.497" v="1040" actId="478"/>
          <ac:spMkLst>
            <pc:docMk/>
            <pc:sldMk cId="4226183675" sldId="665"/>
            <ac:spMk id="11" creationId="{C09FD5D6-CEFF-3BB2-5B8D-86BFF1D8AD3A}"/>
          </ac:spMkLst>
        </pc:spChg>
        <pc:grpChg chg="del">
          <ac:chgData name="Brian Ruscher" userId="183d7664-2f91-481e-8d07-de5bd237b8ae" providerId="ADAL" clId="{99841053-7D18-4316-8DBD-699730DBC71B}" dt="2022-11-09T18:32:01.497" v="1040" actId="478"/>
          <ac:grpSpMkLst>
            <pc:docMk/>
            <pc:sldMk cId="4226183675" sldId="665"/>
            <ac:grpSpMk id="12" creationId="{53ED8869-7BF8-DF32-96AD-B20F35BF610B}"/>
          </ac:grpSpMkLst>
        </pc:grpChg>
        <pc:grpChg chg="del">
          <ac:chgData name="Brian Ruscher" userId="183d7664-2f91-481e-8d07-de5bd237b8ae" providerId="ADAL" clId="{99841053-7D18-4316-8DBD-699730DBC71B}" dt="2022-11-09T18:32:01.497" v="1040" actId="478"/>
          <ac:grpSpMkLst>
            <pc:docMk/>
            <pc:sldMk cId="4226183675" sldId="665"/>
            <ac:grpSpMk id="14" creationId="{4020AECD-E58A-7461-BF08-0F3208AEF651}"/>
          </ac:grpSpMkLst>
        </pc:grpChg>
        <pc:grpChg chg="del">
          <ac:chgData name="Brian Ruscher" userId="183d7664-2f91-481e-8d07-de5bd237b8ae" providerId="ADAL" clId="{99841053-7D18-4316-8DBD-699730DBC71B}" dt="2022-11-09T18:32:01.497" v="1040" actId="478"/>
          <ac:grpSpMkLst>
            <pc:docMk/>
            <pc:sldMk cId="4226183675" sldId="665"/>
            <ac:grpSpMk id="16" creationId="{D4092432-AA7B-4668-E60E-DDBFEC48B279}"/>
          </ac:grpSpMkLst>
        </pc:grpChg>
        <pc:picChg chg="del">
          <ac:chgData name="Brian Ruscher" userId="183d7664-2f91-481e-8d07-de5bd237b8ae" providerId="ADAL" clId="{99841053-7D18-4316-8DBD-699730DBC71B}" dt="2022-11-09T18:32:01.497" v="1040" actId="478"/>
          <ac:picMkLst>
            <pc:docMk/>
            <pc:sldMk cId="4226183675" sldId="665"/>
            <ac:picMk id="2" creationId="{EAF66AD5-AAA8-B8B5-F047-EB172E792C26}"/>
          </ac:picMkLst>
        </pc:picChg>
      </pc:sldChg>
      <pc:sldChg chg="addSp delSp modSp add mod addCm">
        <pc:chgData name="Brian Ruscher" userId="183d7664-2f91-481e-8d07-de5bd237b8ae" providerId="ADAL" clId="{99841053-7D18-4316-8DBD-699730DBC71B}" dt="2022-11-09T18:55:52.315" v="1210"/>
        <pc:sldMkLst>
          <pc:docMk/>
          <pc:sldMk cId="821480820" sldId="666"/>
        </pc:sldMkLst>
        <pc:spChg chg="del mod">
          <ac:chgData name="Brian Ruscher" userId="183d7664-2f91-481e-8d07-de5bd237b8ae" providerId="ADAL" clId="{99841053-7D18-4316-8DBD-699730DBC71B}" dt="2022-11-09T18:39:33.714" v="1083" actId="478"/>
          <ac:spMkLst>
            <pc:docMk/>
            <pc:sldMk cId="821480820" sldId="666"/>
            <ac:spMk id="4" creationId="{384EE317-B1C3-9253-6DA3-404D03299AE7}"/>
          </ac:spMkLst>
        </pc:spChg>
        <pc:spChg chg="mod">
          <ac:chgData name="Brian Ruscher" userId="183d7664-2f91-481e-8d07-de5bd237b8ae" providerId="ADAL" clId="{99841053-7D18-4316-8DBD-699730DBC71B}" dt="2022-11-09T18:52:34.169" v="1165" actId="14100"/>
          <ac:spMkLst>
            <pc:docMk/>
            <pc:sldMk cId="821480820" sldId="666"/>
            <ac:spMk id="5" creationId="{AF87DDB2-917B-AE5E-30C9-C82727C7223F}"/>
          </ac:spMkLst>
        </pc:spChg>
        <pc:spChg chg="add mod">
          <ac:chgData name="Brian Ruscher" userId="183d7664-2f91-481e-8d07-de5bd237b8ae" providerId="ADAL" clId="{99841053-7D18-4316-8DBD-699730DBC71B}" dt="2022-11-09T18:53:40.884" v="1198" actId="20577"/>
          <ac:spMkLst>
            <pc:docMk/>
            <pc:sldMk cId="821480820" sldId="666"/>
            <ac:spMk id="6" creationId="{549A9298-6B9C-6A67-A578-3181481138D6}"/>
          </ac:spMkLst>
        </pc:spChg>
        <pc:spChg chg="del mod">
          <ac:chgData name="Brian Ruscher" userId="183d7664-2f91-481e-8d07-de5bd237b8ae" providerId="ADAL" clId="{99841053-7D18-4316-8DBD-699730DBC71B}" dt="2022-11-09T18:53:09.637" v="1177" actId="478"/>
          <ac:spMkLst>
            <pc:docMk/>
            <pc:sldMk cId="821480820" sldId="666"/>
            <ac:spMk id="7" creationId="{756F6699-29A3-00EB-C9E7-B4C665A2E6D1}"/>
          </ac:spMkLst>
        </pc:spChg>
      </pc:sldChg>
    </pc:docChg>
  </pc:docChgLst>
  <pc:docChgLst>
    <pc:chgData name="Valentina Facuse" userId="8ac073aa-7feb-47c3-9cf3-f4c37dd140ee" providerId="ADAL" clId="{952DC8EC-DDCB-44ED-9743-6C061AD7F330}"/>
    <pc:docChg chg="undo custSel addSld delSld modSld sldOrd">
      <pc:chgData name="Valentina Facuse" userId="8ac073aa-7feb-47c3-9cf3-f4c37dd140ee" providerId="ADAL" clId="{952DC8EC-DDCB-44ED-9743-6C061AD7F330}" dt="2022-05-18T14:44:43.802" v="807" actId="255"/>
      <pc:docMkLst>
        <pc:docMk/>
      </pc:docMkLst>
      <pc:sldChg chg="modSp mod">
        <pc:chgData name="Valentina Facuse" userId="8ac073aa-7feb-47c3-9cf3-f4c37dd140ee" providerId="ADAL" clId="{952DC8EC-DDCB-44ED-9743-6C061AD7F330}" dt="2022-05-18T13:17:13.861" v="26" actId="2711"/>
        <pc:sldMkLst>
          <pc:docMk/>
          <pc:sldMk cId="2011481620" sldId="256"/>
        </pc:sldMkLst>
        <pc:spChg chg="mod">
          <ac:chgData name="Valentina Facuse" userId="8ac073aa-7feb-47c3-9cf3-f4c37dd140ee" providerId="ADAL" clId="{952DC8EC-DDCB-44ED-9743-6C061AD7F330}" dt="2022-05-18T13:17:13.861" v="26" actId="2711"/>
          <ac:spMkLst>
            <pc:docMk/>
            <pc:sldMk cId="2011481620" sldId="256"/>
            <ac:spMk id="2" creationId="{00000000-0000-0000-0000-000000000000}"/>
          </ac:spMkLst>
        </pc:spChg>
      </pc:sldChg>
      <pc:sldChg chg="modSp mod">
        <pc:chgData name="Valentina Facuse" userId="8ac073aa-7feb-47c3-9cf3-f4c37dd140ee" providerId="ADAL" clId="{952DC8EC-DDCB-44ED-9743-6C061AD7F330}" dt="2022-05-18T13:58:28.997" v="795" actId="2711"/>
        <pc:sldMkLst>
          <pc:docMk/>
          <pc:sldMk cId="3189581236" sldId="261"/>
        </pc:sldMkLst>
        <pc:spChg chg="mod">
          <ac:chgData name="Valentina Facuse" userId="8ac073aa-7feb-47c3-9cf3-f4c37dd140ee" providerId="ADAL" clId="{952DC8EC-DDCB-44ED-9743-6C061AD7F330}" dt="2022-05-18T13:58:28.997" v="795" actId="2711"/>
          <ac:spMkLst>
            <pc:docMk/>
            <pc:sldMk cId="3189581236" sldId="261"/>
            <ac:spMk id="4" creationId="{00000000-0000-0000-0000-000000000000}"/>
          </ac:spMkLst>
        </pc:spChg>
      </pc:sldChg>
      <pc:sldChg chg="modSp del mod">
        <pc:chgData name="Valentina Facuse" userId="8ac073aa-7feb-47c3-9cf3-f4c37dd140ee" providerId="ADAL" clId="{952DC8EC-DDCB-44ED-9743-6C061AD7F330}" dt="2022-05-18T13:35:29.246" v="104" actId="2696"/>
        <pc:sldMkLst>
          <pc:docMk/>
          <pc:sldMk cId="3918742682" sldId="265"/>
        </pc:sldMkLst>
        <pc:spChg chg="mod">
          <ac:chgData name="Valentina Facuse" userId="8ac073aa-7feb-47c3-9cf3-f4c37dd140ee" providerId="ADAL" clId="{952DC8EC-DDCB-44ED-9743-6C061AD7F330}" dt="2022-05-18T13:17:20.011" v="27" actId="2711"/>
          <ac:spMkLst>
            <pc:docMk/>
            <pc:sldMk cId="3918742682" sldId="265"/>
            <ac:spMk id="2" creationId="{00000000-0000-0000-0000-000000000000}"/>
          </ac:spMkLst>
        </pc:spChg>
        <pc:spChg chg="mod">
          <ac:chgData name="Valentina Facuse" userId="8ac073aa-7feb-47c3-9cf3-f4c37dd140ee" providerId="ADAL" clId="{952DC8EC-DDCB-44ED-9743-6C061AD7F330}" dt="2022-05-18T13:17:24.630" v="28" actId="2711"/>
          <ac:spMkLst>
            <pc:docMk/>
            <pc:sldMk cId="3918742682" sldId="265"/>
            <ac:spMk id="3" creationId="{00000000-0000-0000-0000-000000000000}"/>
          </ac:spMkLst>
        </pc:spChg>
      </pc:sldChg>
      <pc:sldChg chg="del">
        <pc:chgData name="Valentina Facuse" userId="8ac073aa-7feb-47c3-9cf3-f4c37dd140ee" providerId="ADAL" clId="{952DC8EC-DDCB-44ED-9743-6C061AD7F330}" dt="2022-05-18T13:42:20.868" v="417" actId="2696"/>
        <pc:sldMkLst>
          <pc:docMk/>
          <pc:sldMk cId="41674980" sldId="266"/>
        </pc:sldMkLst>
      </pc:sldChg>
      <pc:sldChg chg="modSp del mod">
        <pc:chgData name="Valentina Facuse" userId="8ac073aa-7feb-47c3-9cf3-f4c37dd140ee" providerId="ADAL" clId="{952DC8EC-DDCB-44ED-9743-6C061AD7F330}" dt="2022-05-18T13:48:55.320" v="625" actId="2696"/>
        <pc:sldMkLst>
          <pc:docMk/>
          <pc:sldMk cId="4054149928" sldId="267"/>
        </pc:sldMkLst>
        <pc:spChg chg="mod">
          <ac:chgData name="Valentina Facuse" userId="8ac073aa-7feb-47c3-9cf3-f4c37dd140ee" providerId="ADAL" clId="{952DC8EC-DDCB-44ED-9743-6C061AD7F330}" dt="2022-05-18T13:20:26.290" v="55" actId="2711"/>
          <ac:spMkLst>
            <pc:docMk/>
            <pc:sldMk cId="4054149928" sldId="267"/>
            <ac:spMk id="2" creationId="{00000000-0000-0000-0000-000000000000}"/>
          </ac:spMkLst>
        </pc:spChg>
        <pc:spChg chg="mod">
          <ac:chgData name="Valentina Facuse" userId="8ac073aa-7feb-47c3-9cf3-f4c37dd140ee" providerId="ADAL" clId="{952DC8EC-DDCB-44ED-9743-6C061AD7F330}" dt="2022-05-18T13:20:31.288" v="56" actId="2711"/>
          <ac:spMkLst>
            <pc:docMk/>
            <pc:sldMk cId="4054149928" sldId="267"/>
            <ac:spMk id="3" creationId="{00000000-0000-0000-0000-000000000000}"/>
          </ac:spMkLst>
        </pc:spChg>
      </pc:sldChg>
      <pc:sldChg chg="modSp del mod">
        <pc:chgData name="Valentina Facuse" userId="8ac073aa-7feb-47c3-9cf3-f4c37dd140ee" providerId="ADAL" clId="{952DC8EC-DDCB-44ED-9743-6C061AD7F330}" dt="2022-05-18T13:47:21.464" v="574" actId="2696"/>
        <pc:sldMkLst>
          <pc:docMk/>
          <pc:sldMk cId="2669144569" sldId="268"/>
        </pc:sldMkLst>
        <pc:spChg chg="mod">
          <ac:chgData name="Valentina Facuse" userId="8ac073aa-7feb-47c3-9cf3-f4c37dd140ee" providerId="ADAL" clId="{952DC8EC-DDCB-44ED-9743-6C061AD7F330}" dt="2022-05-18T13:19:30.873" v="47" actId="2711"/>
          <ac:spMkLst>
            <pc:docMk/>
            <pc:sldMk cId="2669144569" sldId="268"/>
            <ac:spMk id="2" creationId="{00000000-0000-0000-0000-000000000000}"/>
          </ac:spMkLst>
        </pc:spChg>
        <pc:graphicFrameChg chg="modGraphic">
          <ac:chgData name="Valentina Facuse" userId="8ac073aa-7feb-47c3-9cf3-f4c37dd140ee" providerId="ADAL" clId="{952DC8EC-DDCB-44ED-9743-6C061AD7F330}" dt="2022-05-18T13:19:48.494" v="52" actId="2711"/>
          <ac:graphicFrameMkLst>
            <pc:docMk/>
            <pc:sldMk cId="2669144569" sldId="268"/>
            <ac:graphicFrameMk id="4" creationId="{7ACA4399-84BD-4AC7-8B5B-DDCAEAA32265}"/>
          </ac:graphicFrameMkLst>
        </pc:graphicFrameChg>
      </pc:sldChg>
      <pc:sldChg chg="modSp del mod">
        <pc:chgData name="Valentina Facuse" userId="8ac073aa-7feb-47c3-9cf3-f4c37dd140ee" providerId="ADAL" clId="{952DC8EC-DDCB-44ED-9743-6C061AD7F330}" dt="2022-05-18T13:37:32.167" v="125" actId="2696"/>
        <pc:sldMkLst>
          <pc:docMk/>
          <pc:sldMk cId="3080638016" sldId="269"/>
        </pc:sldMkLst>
        <pc:spChg chg="mod">
          <ac:chgData name="Valentina Facuse" userId="8ac073aa-7feb-47c3-9cf3-f4c37dd140ee" providerId="ADAL" clId="{952DC8EC-DDCB-44ED-9743-6C061AD7F330}" dt="2022-05-18T13:35:49.644" v="107" actId="21"/>
          <ac:spMkLst>
            <pc:docMk/>
            <pc:sldMk cId="3080638016" sldId="269"/>
            <ac:spMk id="2" creationId="{00000000-0000-0000-0000-000000000000}"/>
          </ac:spMkLst>
        </pc:spChg>
        <pc:spChg chg="mod">
          <ac:chgData name="Valentina Facuse" userId="8ac073aa-7feb-47c3-9cf3-f4c37dd140ee" providerId="ADAL" clId="{952DC8EC-DDCB-44ED-9743-6C061AD7F330}" dt="2022-05-18T13:17:42.566" v="31" actId="2711"/>
          <ac:spMkLst>
            <pc:docMk/>
            <pc:sldMk cId="3080638016" sldId="269"/>
            <ac:spMk id="7" creationId="{BDB1AC90-1C97-48D6-911F-B9383E4A9A06}"/>
          </ac:spMkLst>
        </pc:spChg>
      </pc:sldChg>
      <pc:sldChg chg="modSp del mod">
        <pc:chgData name="Valentina Facuse" userId="8ac073aa-7feb-47c3-9cf3-f4c37dd140ee" providerId="ADAL" clId="{952DC8EC-DDCB-44ED-9743-6C061AD7F330}" dt="2022-05-18T13:49:54.283" v="646" actId="2696"/>
        <pc:sldMkLst>
          <pc:docMk/>
          <pc:sldMk cId="2030167298" sldId="271"/>
        </pc:sldMkLst>
        <pc:spChg chg="mod">
          <ac:chgData name="Valentina Facuse" userId="8ac073aa-7feb-47c3-9cf3-f4c37dd140ee" providerId="ADAL" clId="{952DC8EC-DDCB-44ED-9743-6C061AD7F330}" dt="2022-05-18T13:20:38.551" v="57" actId="2711"/>
          <ac:spMkLst>
            <pc:docMk/>
            <pc:sldMk cId="2030167298" sldId="271"/>
            <ac:spMk id="2" creationId="{00000000-0000-0000-0000-000000000000}"/>
          </ac:spMkLst>
        </pc:spChg>
        <pc:spChg chg="mod">
          <ac:chgData name="Valentina Facuse" userId="8ac073aa-7feb-47c3-9cf3-f4c37dd140ee" providerId="ADAL" clId="{952DC8EC-DDCB-44ED-9743-6C061AD7F330}" dt="2022-05-18T13:20:45.229" v="58" actId="2711"/>
          <ac:spMkLst>
            <pc:docMk/>
            <pc:sldMk cId="2030167298" sldId="271"/>
            <ac:spMk id="3" creationId="{00000000-0000-0000-0000-000000000000}"/>
          </ac:spMkLst>
        </pc:spChg>
      </pc:sldChg>
      <pc:sldChg chg="modSp del mod">
        <pc:chgData name="Valentina Facuse" userId="8ac073aa-7feb-47c3-9cf3-f4c37dd140ee" providerId="ADAL" clId="{952DC8EC-DDCB-44ED-9743-6C061AD7F330}" dt="2022-05-18T13:51:07.662" v="674" actId="2696"/>
        <pc:sldMkLst>
          <pc:docMk/>
          <pc:sldMk cId="3690184567" sldId="272"/>
        </pc:sldMkLst>
        <pc:spChg chg="mod">
          <ac:chgData name="Valentina Facuse" userId="8ac073aa-7feb-47c3-9cf3-f4c37dd140ee" providerId="ADAL" clId="{952DC8EC-DDCB-44ED-9743-6C061AD7F330}" dt="2022-05-18T13:20:58.405" v="60" actId="2711"/>
          <ac:spMkLst>
            <pc:docMk/>
            <pc:sldMk cId="3690184567" sldId="272"/>
            <ac:spMk id="2" creationId="{00000000-0000-0000-0000-000000000000}"/>
          </ac:spMkLst>
        </pc:spChg>
        <pc:spChg chg="mod">
          <ac:chgData name="Valentina Facuse" userId="8ac073aa-7feb-47c3-9cf3-f4c37dd140ee" providerId="ADAL" clId="{952DC8EC-DDCB-44ED-9743-6C061AD7F330}" dt="2022-05-18T13:21:04.223" v="61" actId="2711"/>
          <ac:spMkLst>
            <pc:docMk/>
            <pc:sldMk cId="3690184567" sldId="272"/>
            <ac:spMk id="3" creationId="{00000000-0000-0000-0000-000000000000}"/>
          </ac:spMkLst>
        </pc:spChg>
      </pc:sldChg>
      <pc:sldChg chg="addSp modSp del mod modShow">
        <pc:chgData name="Valentina Facuse" userId="8ac073aa-7feb-47c3-9cf3-f4c37dd140ee" providerId="ADAL" clId="{952DC8EC-DDCB-44ED-9743-6C061AD7F330}" dt="2022-05-18T13:52:35.998" v="703" actId="2696"/>
        <pc:sldMkLst>
          <pc:docMk/>
          <pc:sldMk cId="2780907026" sldId="273"/>
        </pc:sldMkLst>
        <pc:spChg chg="mod">
          <ac:chgData name="Valentina Facuse" userId="8ac073aa-7feb-47c3-9cf3-f4c37dd140ee" providerId="ADAL" clId="{952DC8EC-DDCB-44ED-9743-6C061AD7F330}" dt="2022-05-18T13:21:11.579" v="62" actId="2711"/>
          <ac:spMkLst>
            <pc:docMk/>
            <pc:sldMk cId="2780907026" sldId="273"/>
            <ac:spMk id="2" creationId="{00000000-0000-0000-0000-000000000000}"/>
          </ac:spMkLst>
        </pc:spChg>
        <pc:spChg chg="mod">
          <ac:chgData name="Valentina Facuse" userId="8ac073aa-7feb-47c3-9cf3-f4c37dd140ee" providerId="ADAL" clId="{952DC8EC-DDCB-44ED-9743-6C061AD7F330}" dt="2022-05-18T13:52:14.427" v="700" actId="164"/>
          <ac:spMkLst>
            <pc:docMk/>
            <pc:sldMk cId="2780907026" sldId="273"/>
            <ac:spMk id="9" creationId="{E555EE93-44D1-4F28-95A0-CA831B3F79CB}"/>
          </ac:spMkLst>
        </pc:spChg>
        <pc:spChg chg="mod">
          <ac:chgData name="Valentina Facuse" userId="8ac073aa-7feb-47c3-9cf3-f4c37dd140ee" providerId="ADAL" clId="{952DC8EC-DDCB-44ED-9743-6C061AD7F330}" dt="2022-05-18T13:52:14.427" v="700" actId="164"/>
          <ac:spMkLst>
            <pc:docMk/>
            <pc:sldMk cId="2780907026" sldId="273"/>
            <ac:spMk id="10" creationId="{A255EC99-5D89-4022-BAA8-71F56B42340A}"/>
          </ac:spMkLst>
        </pc:spChg>
        <pc:spChg chg="mod">
          <ac:chgData name="Valentina Facuse" userId="8ac073aa-7feb-47c3-9cf3-f4c37dd140ee" providerId="ADAL" clId="{952DC8EC-DDCB-44ED-9743-6C061AD7F330}" dt="2022-05-18T13:52:14.427" v="700" actId="164"/>
          <ac:spMkLst>
            <pc:docMk/>
            <pc:sldMk cId="2780907026" sldId="273"/>
            <ac:spMk id="11" creationId="{4518A58F-9CD5-4FB2-B6D0-088F30D8D824}"/>
          </ac:spMkLst>
        </pc:spChg>
        <pc:spChg chg="mod">
          <ac:chgData name="Valentina Facuse" userId="8ac073aa-7feb-47c3-9cf3-f4c37dd140ee" providerId="ADAL" clId="{952DC8EC-DDCB-44ED-9743-6C061AD7F330}" dt="2022-05-18T13:52:14.427" v="700" actId="164"/>
          <ac:spMkLst>
            <pc:docMk/>
            <pc:sldMk cId="2780907026" sldId="273"/>
            <ac:spMk id="12" creationId="{E00E017A-7DC2-4632-9982-664A3EFAA7FE}"/>
          </ac:spMkLst>
        </pc:spChg>
        <pc:spChg chg="mod">
          <ac:chgData name="Valentina Facuse" userId="8ac073aa-7feb-47c3-9cf3-f4c37dd140ee" providerId="ADAL" clId="{952DC8EC-DDCB-44ED-9743-6C061AD7F330}" dt="2022-05-18T13:52:14.427" v="700" actId="164"/>
          <ac:spMkLst>
            <pc:docMk/>
            <pc:sldMk cId="2780907026" sldId="273"/>
            <ac:spMk id="14" creationId="{874EEAAF-5DD3-4AAC-A788-F8A1295CB99F}"/>
          </ac:spMkLst>
        </pc:spChg>
        <pc:spChg chg="mod">
          <ac:chgData name="Valentina Facuse" userId="8ac073aa-7feb-47c3-9cf3-f4c37dd140ee" providerId="ADAL" clId="{952DC8EC-DDCB-44ED-9743-6C061AD7F330}" dt="2022-05-18T13:52:14.427" v="700" actId="164"/>
          <ac:spMkLst>
            <pc:docMk/>
            <pc:sldMk cId="2780907026" sldId="273"/>
            <ac:spMk id="16" creationId="{168A5166-6476-422A-89AE-11DC51C722AE}"/>
          </ac:spMkLst>
        </pc:spChg>
        <pc:spChg chg="mod">
          <ac:chgData name="Valentina Facuse" userId="8ac073aa-7feb-47c3-9cf3-f4c37dd140ee" providerId="ADAL" clId="{952DC8EC-DDCB-44ED-9743-6C061AD7F330}" dt="2022-05-18T13:52:14.427" v="700" actId="164"/>
          <ac:spMkLst>
            <pc:docMk/>
            <pc:sldMk cId="2780907026" sldId="273"/>
            <ac:spMk id="18" creationId="{9B525360-26F6-42D8-A582-5D1467AE4C06}"/>
          </ac:spMkLst>
        </pc:spChg>
        <pc:spChg chg="mod">
          <ac:chgData name="Valentina Facuse" userId="8ac073aa-7feb-47c3-9cf3-f4c37dd140ee" providerId="ADAL" clId="{952DC8EC-DDCB-44ED-9743-6C061AD7F330}" dt="2022-05-18T13:52:14.427" v="700" actId="164"/>
          <ac:spMkLst>
            <pc:docMk/>
            <pc:sldMk cId="2780907026" sldId="273"/>
            <ac:spMk id="20" creationId="{28668C1B-5A88-4889-BBDD-865A7C83BD23}"/>
          </ac:spMkLst>
        </pc:spChg>
        <pc:spChg chg="mod">
          <ac:chgData name="Valentina Facuse" userId="8ac073aa-7feb-47c3-9cf3-f4c37dd140ee" providerId="ADAL" clId="{952DC8EC-DDCB-44ED-9743-6C061AD7F330}" dt="2022-05-18T13:52:14.427" v="700" actId="164"/>
          <ac:spMkLst>
            <pc:docMk/>
            <pc:sldMk cId="2780907026" sldId="273"/>
            <ac:spMk id="22" creationId="{1AF6DDCA-D778-4F00-ACA5-1F4183A9C5FD}"/>
          </ac:spMkLst>
        </pc:spChg>
        <pc:spChg chg="mod">
          <ac:chgData name="Valentina Facuse" userId="8ac073aa-7feb-47c3-9cf3-f4c37dd140ee" providerId="ADAL" clId="{952DC8EC-DDCB-44ED-9743-6C061AD7F330}" dt="2022-05-18T13:52:14.427" v="700" actId="164"/>
          <ac:spMkLst>
            <pc:docMk/>
            <pc:sldMk cId="2780907026" sldId="273"/>
            <ac:spMk id="24" creationId="{25CE5C78-F3C9-44FD-B2B0-E993C2476177}"/>
          </ac:spMkLst>
        </pc:spChg>
        <pc:spChg chg="mod">
          <ac:chgData name="Valentina Facuse" userId="8ac073aa-7feb-47c3-9cf3-f4c37dd140ee" providerId="ADAL" clId="{952DC8EC-DDCB-44ED-9743-6C061AD7F330}" dt="2022-05-18T13:52:14.427" v="700" actId="164"/>
          <ac:spMkLst>
            <pc:docMk/>
            <pc:sldMk cId="2780907026" sldId="273"/>
            <ac:spMk id="26" creationId="{EBA39E6D-5C61-449B-A063-97E7245DA7D7}"/>
          </ac:spMkLst>
        </pc:spChg>
        <pc:spChg chg="mod">
          <ac:chgData name="Valentina Facuse" userId="8ac073aa-7feb-47c3-9cf3-f4c37dd140ee" providerId="ADAL" clId="{952DC8EC-DDCB-44ED-9743-6C061AD7F330}" dt="2022-05-18T13:52:14.427" v="700" actId="164"/>
          <ac:spMkLst>
            <pc:docMk/>
            <pc:sldMk cId="2780907026" sldId="273"/>
            <ac:spMk id="28" creationId="{E9715EEE-F70B-43F5-B48F-1913E48F7073}"/>
          </ac:spMkLst>
        </pc:spChg>
        <pc:spChg chg="mod">
          <ac:chgData name="Valentina Facuse" userId="8ac073aa-7feb-47c3-9cf3-f4c37dd140ee" providerId="ADAL" clId="{952DC8EC-DDCB-44ED-9743-6C061AD7F330}" dt="2022-05-18T13:52:14.427" v="700" actId="164"/>
          <ac:spMkLst>
            <pc:docMk/>
            <pc:sldMk cId="2780907026" sldId="273"/>
            <ac:spMk id="30" creationId="{167072AA-FC56-4351-A540-B201F44E6ED4}"/>
          </ac:spMkLst>
        </pc:spChg>
        <pc:spChg chg="mod">
          <ac:chgData name="Valentina Facuse" userId="8ac073aa-7feb-47c3-9cf3-f4c37dd140ee" providerId="ADAL" clId="{952DC8EC-DDCB-44ED-9743-6C061AD7F330}" dt="2022-05-18T13:52:14.427" v="700" actId="164"/>
          <ac:spMkLst>
            <pc:docMk/>
            <pc:sldMk cId="2780907026" sldId="273"/>
            <ac:spMk id="32" creationId="{D0C62AC2-5025-4A0A-98CC-96211FFBF999}"/>
          </ac:spMkLst>
        </pc:spChg>
        <pc:spChg chg="mod">
          <ac:chgData name="Valentina Facuse" userId="8ac073aa-7feb-47c3-9cf3-f4c37dd140ee" providerId="ADAL" clId="{952DC8EC-DDCB-44ED-9743-6C061AD7F330}" dt="2022-05-18T13:52:14.427" v="700" actId="164"/>
          <ac:spMkLst>
            <pc:docMk/>
            <pc:sldMk cId="2780907026" sldId="273"/>
            <ac:spMk id="34" creationId="{F42DAEAC-6B71-4EAB-8365-37B42FC01CF4}"/>
          </ac:spMkLst>
        </pc:spChg>
        <pc:spChg chg="mod">
          <ac:chgData name="Valentina Facuse" userId="8ac073aa-7feb-47c3-9cf3-f4c37dd140ee" providerId="ADAL" clId="{952DC8EC-DDCB-44ED-9743-6C061AD7F330}" dt="2022-05-18T13:52:14.427" v="700" actId="164"/>
          <ac:spMkLst>
            <pc:docMk/>
            <pc:sldMk cId="2780907026" sldId="273"/>
            <ac:spMk id="35" creationId="{2A47B264-4C2A-4002-944C-C08501641F6A}"/>
          </ac:spMkLst>
        </pc:spChg>
        <pc:spChg chg="mod">
          <ac:chgData name="Valentina Facuse" userId="8ac073aa-7feb-47c3-9cf3-f4c37dd140ee" providerId="ADAL" clId="{952DC8EC-DDCB-44ED-9743-6C061AD7F330}" dt="2022-05-18T13:52:14.427" v="700" actId="164"/>
          <ac:spMkLst>
            <pc:docMk/>
            <pc:sldMk cId="2780907026" sldId="273"/>
            <ac:spMk id="36" creationId="{A683D937-8998-4CF4-980F-886F6D3CC2B9}"/>
          </ac:spMkLst>
        </pc:spChg>
        <pc:spChg chg="mod">
          <ac:chgData name="Valentina Facuse" userId="8ac073aa-7feb-47c3-9cf3-f4c37dd140ee" providerId="ADAL" clId="{952DC8EC-DDCB-44ED-9743-6C061AD7F330}" dt="2022-05-18T13:52:14.427" v="700" actId="164"/>
          <ac:spMkLst>
            <pc:docMk/>
            <pc:sldMk cId="2780907026" sldId="273"/>
            <ac:spMk id="37" creationId="{BBE0C877-0A5B-4E17-B25F-2FE0A289CCFD}"/>
          </ac:spMkLst>
        </pc:spChg>
        <pc:spChg chg="mod">
          <ac:chgData name="Valentina Facuse" userId="8ac073aa-7feb-47c3-9cf3-f4c37dd140ee" providerId="ADAL" clId="{952DC8EC-DDCB-44ED-9743-6C061AD7F330}" dt="2022-05-18T13:52:14.427" v="700" actId="164"/>
          <ac:spMkLst>
            <pc:docMk/>
            <pc:sldMk cId="2780907026" sldId="273"/>
            <ac:spMk id="38" creationId="{2FB25A13-24BF-4E1C-99A3-CB51C5FDC766}"/>
          </ac:spMkLst>
        </pc:spChg>
        <pc:spChg chg="mod">
          <ac:chgData name="Valentina Facuse" userId="8ac073aa-7feb-47c3-9cf3-f4c37dd140ee" providerId="ADAL" clId="{952DC8EC-DDCB-44ED-9743-6C061AD7F330}" dt="2022-05-18T13:52:14.427" v="700" actId="164"/>
          <ac:spMkLst>
            <pc:docMk/>
            <pc:sldMk cId="2780907026" sldId="273"/>
            <ac:spMk id="39" creationId="{659B6B1E-7DC2-4912-941B-9AFE9B4DCC4E}"/>
          </ac:spMkLst>
        </pc:spChg>
        <pc:spChg chg="mod">
          <ac:chgData name="Valentina Facuse" userId="8ac073aa-7feb-47c3-9cf3-f4c37dd140ee" providerId="ADAL" clId="{952DC8EC-DDCB-44ED-9743-6C061AD7F330}" dt="2022-05-18T13:52:14.427" v="700" actId="164"/>
          <ac:spMkLst>
            <pc:docMk/>
            <pc:sldMk cId="2780907026" sldId="273"/>
            <ac:spMk id="40" creationId="{6758593F-246A-4EFD-BD83-FC98C24A3073}"/>
          </ac:spMkLst>
        </pc:spChg>
        <pc:spChg chg="mod">
          <ac:chgData name="Valentina Facuse" userId="8ac073aa-7feb-47c3-9cf3-f4c37dd140ee" providerId="ADAL" clId="{952DC8EC-DDCB-44ED-9743-6C061AD7F330}" dt="2022-05-18T13:52:14.427" v="700" actId="164"/>
          <ac:spMkLst>
            <pc:docMk/>
            <pc:sldMk cId="2780907026" sldId="273"/>
            <ac:spMk id="41" creationId="{DC881AFB-4C9A-4834-A02E-531DA49A5DAA}"/>
          </ac:spMkLst>
        </pc:spChg>
        <pc:spChg chg="mod">
          <ac:chgData name="Valentina Facuse" userId="8ac073aa-7feb-47c3-9cf3-f4c37dd140ee" providerId="ADAL" clId="{952DC8EC-DDCB-44ED-9743-6C061AD7F330}" dt="2022-05-18T13:52:14.427" v="700" actId="164"/>
          <ac:spMkLst>
            <pc:docMk/>
            <pc:sldMk cId="2780907026" sldId="273"/>
            <ac:spMk id="42" creationId="{DB7E3859-ED93-44A9-9A97-A5B2489EB4E8}"/>
          </ac:spMkLst>
        </pc:spChg>
        <pc:spChg chg="mod">
          <ac:chgData name="Valentina Facuse" userId="8ac073aa-7feb-47c3-9cf3-f4c37dd140ee" providerId="ADAL" clId="{952DC8EC-DDCB-44ED-9743-6C061AD7F330}" dt="2022-05-18T13:52:14.427" v="700" actId="164"/>
          <ac:spMkLst>
            <pc:docMk/>
            <pc:sldMk cId="2780907026" sldId="273"/>
            <ac:spMk id="43" creationId="{06D3D5D4-5535-44E0-BEAB-E0EF3CF338B3}"/>
          </ac:spMkLst>
        </pc:spChg>
        <pc:spChg chg="mod">
          <ac:chgData name="Valentina Facuse" userId="8ac073aa-7feb-47c3-9cf3-f4c37dd140ee" providerId="ADAL" clId="{952DC8EC-DDCB-44ED-9743-6C061AD7F330}" dt="2022-05-18T13:52:14.427" v="700" actId="164"/>
          <ac:spMkLst>
            <pc:docMk/>
            <pc:sldMk cId="2780907026" sldId="273"/>
            <ac:spMk id="44" creationId="{E3FA53B7-C6D8-4C49-B405-41C1E0C98E24}"/>
          </ac:spMkLst>
        </pc:spChg>
        <pc:spChg chg="mod">
          <ac:chgData name="Valentina Facuse" userId="8ac073aa-7feb-47c3-9cf3-f4c37dd140ee" providerId="ADAL" clId="{952DC8EC-DDCB-44ED-9743-6C061AD7F330}" dt="2022-05-18T13:52:14.427" v="700" actId="164"/>
          <ac:spMkLst>
            <pc:docMk/>
            <pc:sldMk cId="2780907026" sldId="273"/>
            <ac:spMk id="45" creationId="{1038CD83-132D-46E5-8C72-773D2F6DCCD6}"/>
          </ac:spMkLst>
        </pc:spChg>
        <pc:spChg chg="mod">
          <ac:chgData name="Valentina Facuse" userId="8ac073aa-7feb-47c3-9cf3-f4c37dd140ee" providerId="ADAL" clId="{952DC8EC-DDCB-44ED-9743-6C061AD7F330}" dt="2022-05-18T13:52:14.427" v="700" actId="164"/>
          <ac:spMkLst>
            <pc:docMk/>
            <pc:sldMk cId="2780907026" sldId="273"/>
            <ac:spMk id="46" creationId="{E0D8B039-FBFF-45A6-9286-B6A5636F89B1}"/>
          </ac:spMkLst>
        </pc:spChg>
        <pc:spChg chg="mod">
          <ac:chgData name="Valentina Facuse" userId="8ac073aa-7feb-47c3-9cf3-f4c37dd140ee" providerId="ADAL" clId="{952DC8EC-DDCB-44ED-9743-6C061AD7F330}" dt="2022-05-18T13:52:14.427" v="700" actId="164"/>
          <ac:spMkLst>
            <pc:docMk/>
            <pc:sldMk cId="2780907026" sldId="273"/>
            <ac:spMk id="47" creationId="{73A7EAB5-F9BD-4ACB-8C33-809D2E88C40E}"/>
          </ac:spMkLst>
        </pc:spChg>
        <pc:spChg chg="mod">
          <ac:chgData name="Valentina Facuse" userId="8ac073aa-7feb-47c3-9cf3-f4c37dd140ee" providerId="ADAL" clId="{952DC8EC-DDCB-44ED-9743-6C061AD7F330}" dt="2022-05-18T13:52:14.427" v="700" actId="164"/>
          <ac:spMkLst>
            <pc:docMk/>
            <pc:sldMk cId="2780907026" sldId="273"/>
            <ac:spMk id="48" creationId="{EEDAF03F-F3B1-41AF-915F-DE0D34DCAAB6}"/>
          </ac:spMkLst>
        </pc:spChg>
        <pc:spChg chg="mod">
          <ac:chgData name="Valentina Facuse" userId="8ac073aa-7feb-47c3-9cf3-f4c37dd140ee" providerId="ADAL" clId="{952DC8EC-DDCB-44ED-9743-6C061AD7F330}" dt="2022-05-18T13:52:14.427" v="700" actId="164"/>
          <ac:spMkLst>
            <pc:docMk/>
            <pc:sldMk cId="2780907026" sldId="273"/>
            <ac:spMk id="49" creationId="{B6497F96-74C8-4659-8E1B-D4A83C83FBF7}"/>
          </ac:spMkLst>
        </pc:spChg>
        <pc:spChg chg="mod">
          <ac:chgData name="Valentina Facuse" userId="8ac073aa-7feb-47c3-9cf3-f4c37dd140ee" providerId="ADAL" clId="{952DC8EC-DDCB-44ED-9743-6C061AD7F330}" dt="2022-05-18T13:52:14.427" v="700" actId="164"/>
          <ac:spMkLst>
            <pc:docMk/>
            <pc:sldMk cId="2780907026" sldId="273"/>
            <ac:spMk id="50" creationId="{37E41ECF-9905-4495-B4ED-D144515FAD87}"/>
          </ac:spMkLst>
        </pc:spChg>
        <pc:spChg chg="mod">
          <ac:chgData name="Valentina Facuse" userId="8ac073aa-7feb-47c3-9cf3-f4c37dd140ee" providerId="ADAL" clId="{952DC8EC-DDCB-44ED-9743-6C061AD7F330}" dt="2022-05-18T13:52:14.427" v="700" actId="164"/>
          <ac:spMkLst>
            <pc:docMk/>
            <pc:sldMk cId="2780907026" sldId="273"/>
            <ac:spMk id="51" creationId="{C18BDC68-1715-4533-A225-F3659619C2A6}"/>
          </ac:spMkLst>
        </pc:spChg>
        <pc:spChg chg="mod">
          <ac:chgData name="Valentina Facuse" userId="8ac073aa-7feb-47c3-9cf3-f4c37dd140ee" providerId="ADAL" clId="{952DC8EC-DDCB-44ED-9743-6C061AD7F330}" dt="2022-05-18T13:52:14.427" v="700" actId="164"/>
          <ac:spMkLst>
            <pc:docMk/>
            <pc:sldMk cId="2780907026" sldId="273"/>
            <ac:spMk id="52" creationId="{B752FE4F-A591-42B2-B4D9-9D615AEFA7EF}"/>
          </ac:spMkLst>
        </pc:spChg>
        <pc:spChg chg="mod">
          <ac:chgData name="Valentina Facuse" userId="8ac073aa-7feb-47c3-9cf3-f4c37dd140ee" providerId="ADAL" clId="{952DC8EC-DDCB-44ED-9743-6C061AD7F330}" dt="2022-05-18T13:52:14.427" v="700" actId="164"/>
          <ac:spMkLst>
            <pc:docMk/>
            <pc:sldMk cId="2780907026" sldId="273"/>
            <ac:spMk id="54" creationId="{37520F52-A04C-41F5-BD00-46863E78499A}"/>
          </ac:spMkLst>
        </pc:spChg>
        <pc:spChg chg="mod">
          <ac:chgData name="Valentina Facuse" userId="8ac073aa-7feb-47c3-9cf3-f4c37dd140ee" providerId="ADAL" clId="{952DC8EC-DDCB-44ED-9743-6C061AD7F330}" dt="2022-05-18T13:52:14.427" v="700" actId="164"/>
          <ac:spMkLst>
            <pc:docMk/>
            <pc:sldMk cId="2780907026" sldId="273"/>
            <ac:spMk id="55" creationId="{8CBE8468-92D2-4B46-AAA5-459CF79E6CDE}"/>
          </ac:spMkLst>
        </pc:spChg>
        <pc:spChg chg="mod">
          <ac:chgData name="Valentina Facuse" userId="8ac073aa-7feb-47c3-9cf3-f4c37dd140ee" providerId="ADAL" clId="{952DC8EC-DDCB-44ED-9743-6C061AD7F330}" dt="2022-05-18T13:52:14.427" v="700" actId="164"/>
          <ac:spMkLst>
            <pc:docMk/>
            <pc:sldMk cId="2780907026" sldId="273"/>
            <ac:spMk id="56" creationId="{FC19249A-5728-403B-8271-31FBA944006F}"/>
          </ac:spMkLst>
        </pc:spChg>
        <pc:spChg chg="mod">
          <ac:chgData name="Valentina Facuse" userId="8ac073aa-7feb-47c3-9cf3-f4c37dd140ee" providerId="ADAL" clId="{952DC8EC-DDCB-44ED-9743-6C061AD7F330}" dt="2022-05-18T13:52:14.427" v="700" actId="164"/>
          <ac:spMkLst>
            <pc:docMk/>
            <pc:sldMk cId="2780907026" sldId="273"/>
            <ac:spMk id="57" creationId="{A5B56A28-98BB-4C5E-95AC-D850CC7A488D}"/>
          </ac:spMkLst>
        </pc:spChg>
        <pc:spChg chg="mod">
          <ac:chgData name="Valentina Facuse" userId="8ac073aa-7feb-47c3-9cf3-f4c37dd140ee" providerId="ADAL" clId="{952DC8EC-DDCB-44ED-9743-6C061AD7F330}" dt="2022-05-18T13:52:14.427" v="700" actId="164"/>
          <ac:spMkLst>
            <pc:docMk/>
            <pc:sldMk cId="2780907026" sldId="273"/>
            <ac:spMk id="58" creationId="{67C28177-6249-4295-8C5C-D507BACB4C5B}"/>
          </ac:spMkLst>
        </pc:spChg>
        <pc:spChg chg="mod">
          <ac:chgData name="Valentina Facuse" userId="8ac073aa-7feb-47c3-9cf3-f4c37dd140ee" providerId="ADAL" clId="{952DC8EC-DDCB-44ED-9743-6C061AD7F330}" dt="2022-05-18T13:52:14.427" v="700" actId="164"/>
          <ac:spMkLst>
            <pc:docMk/>
            <pc:sldMk cId="2780907026" sldId="273"/>
            <ac:spMk id="59" creationId="{D3E01CB2-2A06-48C9-94EB-596E11DB0DC0}"/>
          </ac:spMkLst>
        </pc:spChg>
        <pc:spChg chg="mod">
          <ac:chgData name="Valentina Facuse" userId="8ac073aa-7feb-47c3-9cf3-f4c37dd140ee" providerId="ADAL" clId="{952DC8EC-DDCB-44ED-9743-6C061AD7F330}" dt="2022-05-18T13:52:14.427" v="700" actId="164"/>
          <ac:spMkLst>
            <pc:docMk/>
            <pc:sldMk cId="2780907026" sldId="273"/>
            <ac:spMk id="61" creationId="{C2BE8751-7E43-446E-9485-0F84BF202A82}"/>
          </ac:spMkLst>
        </pc:spChg>
        <pc:spChg chg="mod">
          <ac:chgData name="Valentina Facuse" userId="8ac073aa-7feb-47c3-9cf3-f4c37dd140ee" providerId="ADAL" clId="{952DC8EC-DDCB-44ED-9743-6C061AD7F330}" dt="2022-05-18T13:52:14.427" v="700" actId="164"/>
          <ac:spMkLst>
            <pc:docMk/>
            <pc:sldMk cId="2780907026" sldId="273"/>
            <ac:spMk id="62" creationId="{61B3C791-7FC4-4DDE-BA89-3CA2A950487A}"/>
          </ac:spMkLst>
        </pc:spChg>
        <pc:spChg chg="mod">
          <ac:chgData name="Valentina Facuse" userId="8ac073aa-7feb-47c3-9cf3-f4c37dd140ee" providerId="ADAL" clId="{952DC8EC-DDCB-44ED-9743-6C061AD7F330}" dt="2022-05-18T13:52:14.427" v="700" actId="164"/>
          <ac:spMkLst>
            <pc:docMk/>
            <pc:sldMk cId="2780907026" sldId="273"/>
            <ac:spMk id="63" creationId="{9F4C735D-90F6-44EE-81B7-44E557147E02}"/>
          </ac:spMkLst>
        </pc:spChg>
        <pc:spChg chg="mod">
          <ac:chgData name="Valentina Facuse" userId="8ac073aa-7feb-47c3-9cf3-f4c37dd140ee" providerId="ADAL" clId="{952DC8EC-DDCB-44ED-9743-6C061AD7F330}" dt="2022-05-18T13:52:14.427" v="700" actId="164"/>
          <ac:spMkLst>
            <pc:docMk/>
            <pc:sldMk cId="2780907026" sldId="273"/>
            <ac:spMk id="64" creationId="{AF66744D-EDD8-43C1-8FB5-B205A9FE5778}"/>
          </ac:spMkLst>
        </pc:spChg>
        <pc:spChg chg="mod">
          <ac:chgData name="Valentina Facuse" userId="8ac073aa-7feb-47c3-9cf3-f4c37dd140ee" providerId="ADAL" clId="{952DC8EC-DDCB-44ED-9743-6C061AD7F330}" dt="2022-05-18T13:52:14.427" v="700" actId="164"/>
          <ac:spMkLst>
            <pc:docMk/>
            <pc:sldMk cId="2780907026" sldId="273"/>
            <ac:spMk id="65" creationId="{DF57633C-B90D-4C18-BAF1-31708E7D4D09}"/>
          </ac:spMkLst>
        </pc:spChg>
        <pc:spChg chg="mod">
          <ac:chgData name="Valentina Facuse" userId="8ac073aa-7feb-47c3-9cf3-f4c37dd140ee" providerId="ADAL" clId="{952DC8EC-DDCB-44ED-9743-6C061AD7F330}" dt="2022-05-18T13:52:14.427" v="700" actId="164"/>
          <ac:spMkLst>
            <pc:docMk/>
            <pc:sldMk cId="2780907026" sldId="273"/>
            <ac:spMk id="66" creationId="{C01C0B83-D5DC-4651-8EEE-283EDCA54BF6}"/>
          </ac:spMkLst>
        </pc:spChg>
        <pc:spChg chg="mod">
          <ac:chgData name="Valentina Facuse" userId="8ac073aa-7feb-47c3-9cf3-f4c37dd140ee" providerId="ADAL" clId="{952DC8EC-DDCB-44ED-9743-6C061AD7F330}" dt="2022-05-18T13:52:14.427" v="700" actId="164"/>
          <ac:spMkLst>
            <pc:docMk/>
            <pc:sldMk cId="2780907026" sldId="273"/>
            <ac:spMk id="67" creationId="{4F778136-5591-419D-B98F-95542C2118E0}"/>
          </ac:spMkLst>
        </pc:spChg>
        <pc:spChg chg="mod">
          <ac:chgData name="Valentina Facuse" userId="8ac073aa-7feb-47c3-9cf3-f4c37dd140ee" providerId="ADAL" clId="{952DC8EC-DDCB-44ED-9743-6C061AD7F330}" dt="2022-05-18T13:52:14.427" v="700" actId="164"/>
          <ac:spMkLst>
            <pc:docMk/>
            <pc:sldMk cId="2780907026" sldId="273"/>
            <ac:spMk id="68" creationId="{273FB59B-D386-45EC-8A6D-F31AE2645EB2}"/>
          </ac:spMkLst>
        </pc:spChg>
        <pc:spChg chg="mod">
          <ac:chgData name="Valentina Facuse" userId="8ac073aa-7feb-47c3-9cf3-f4c37dd140ee" providerId="ADAL" clId="{952DC8EC-DDCB-44ED-9743-6C061AD7F330}" dt="2022-05-18T13:52:14.427" v="700" actId="164"/>
          <ac:spMkLst>
            <pc:docMk/>
            <pc:sldMk cId="2780907026" sldId="273"/>
            <ac:spMk id="69" creationId="{EB66BC47-6CBE-4C52-9630-CD375FACBDF8}"/>
          </ac:spMkLst>
        </pc:spChg>
        <pc:spChg chg="mod">
          <ac:chgData name="Valentina Facuse" userId="8ac073aa-7feb-47c3-9cf3-f4c37dd140ee" providerId="ADAL" clId="{952DC8EC-DDCB-44ED-9743-6C061AD7F330}" dt="2022-05-18T13:52:14.427" v="700" actId="164"/>
          <ac:spMkLst>
            <pc:docMk/>
            <pc:sldMk cId="2780907026" sldId="273"/>
            <ac:spMk id="71" creationId="{7E8E80FD-71B0-43D6-BAC3-A04DD64B739F}"/>
          </ac:spMkLst>
        </pc:spChg>
        <pc:spChg chg="mod">
          <ac:chgData name="Valentina Facuse" userId="8ac073aa-7feb-47c3-9cf3-f4c37dd140ee" providerId="ADAL" clId="{952DC8EC-DDCB-44ED-9743-6C061AD7F330}" dt="2022-05-18T13:52:14.427" v="700" actId="164"/>
          <ac:spMkLst>
            <pc:docMk/>
            <pc:sldMk cId="2780907026" sldId="273"/>
            <ac:spMk id="72" creationId="{483A6877-2062-4009-B448-A0D2D281495F}"/>
          </ac:spMkLst>
        </pc:spChg>
        <pc:spChg chg="mod">
          <ac:chgData name="Valentina Facuse" userId="8ac073aa-7feb-47c3-9cf3-f4c37dd140ee" providerId="ADAL" clId="{952DC8EC-DDCB-44ED-9743-6C061AD7F330}" dt="2022-05-18T13:52:14.427" v="700" actId="164"/>
          <ac:spMkLst>
            <pc:docMk/>
            <pc:sldMk cId="2780907026" sldId="273"/>
            <ac:spMk id="73" creationId="{39F476FF-516F-4C3C-99F2-4F16E48F8726}"/>
          </ac:spMkLst>
        </pc:spChg>
        <pc:spChg chg="mod">
          <ac:chgData name="Valentina Facuse" userId="8ac073aa-7feb-47c3-9cf3-f4c37dd140ee" providerId="ADAL" clId="{952DC8EC-DDCB-44ED-9743-6C061AD7F330}" dt="2022-05-18T13:52:14.427" v="700" actId="164"/>
          <ac:spMkLst>
            <pc:docMk/>
            <pc:sldMk cId="2780907026" sldId="273"/>
            <ac:spMk id="74" creationId="{FF0FF6AF-A5ED-4AB2-9FED-74E8580C666F}"/>
          </ac:spMkLst>
        </pc:spChg>
        <pc:spChg chg="mod">
          <ac:chgData name="Valentina Facuse" userId="8ac073aa-7feb-47c3-9cf3-f4c37dd140ee" providerId="ADAL" clId="{952DC8EC-DDCB-44ED-9743-6C061AD7F330}" dt="2022-05-18T13:52:14.427" v="700" actId="164"/>
          <ac:spMkLst>
            <pc:docMk/>
            <pc:sldMk cId="2780907026" sldId="273"/>
            <ac:spMk id="75" creationId="{C1670711-9163-4FE9-9D7A-A0047532CAD4}"/>
          </ac:spMkLst>
        </pc:spChg>
        <pc:spChg chg="mod">
          <ac:chgData name="Valentina Facuse" userId="8ac073aa-7feb-47c3-9cf3-f4c37dd140ee" providerId="ADAL" clId="{952DC8EC-DDCB-44ED-9743-6C061AD7F330}" dt="2022-05-18T13:52:14.427" v="700" actId="164"/>
          <ac:spMkLst>
            <pc:docMk/>
            <pc:sldMk cId="2780907026" sldId="273"/>
            <ac:spMk id="76" creationId="{2BC90D56-9E29-487E-8A97-CC0C44CACBC4}"/>
          </ac:spMkLst>
        </pc:spChg>
        <pc:spChg chg="mod">
          <ac:chgData name="Valentina Facuse" userId="8ac073aa-7feb-47c3-9cf3-f4c37dd140ee" providerId="ADAL" clId="{952DC8EC-DDCB-44ED-9743-6C061AD7F330}" dt="2022-05-18T13:52:14.427" v="700" actId="164"/>
          <ac:spMkLst>
            <pc:docMk/>
            <pc:sldMk cId="2780907026" sldId="273"/>
            <ac:spMk id="77" creationId="{A2D61898-B8A4-42B9-9487-47E8123558FC}"/>
          </ac:spMkLst>
        </pc:spChg>
        <pc:spChg chg="mod">
          <ac:chgData name="Valentina Facuse" userId="8ac073aa-7feb-47c3-9cf3-f4c37dd140ee" providerId="ADAL" clId="{952DC8EC-DDCB-44ED-9743-6C061AD7F330}" dt="2022-05-18T13:52:14.427" v="700" actId="164"/>
          <ac:spMkLst>
            <pc:docMk/>
            <pc:sldMk cId="2780907026" sldId="273"/>
            <ac:spMk id="78" creationId="{3A2A24E7-CD8C-41D3-B460-89766FF1006C}"/>
          </ac:spMkLst>
        </pc:spChg>
        <pc:spChg chg="mod">
          <ac:chgData name="Valentina Facuse" userId="8ac073aa-7feb-47c3-9cf3-f4c37dd140ee" providerId="ADAL" clId="{952DC8EC-DDCB-44ED-9743-6C061AD7F330}" dt="2022-05-18T13:52:14.427" v="700" actId="164"/>
          <ac:spMkLst>
            <pc:docMk/>
            <pc:sldMk cId="2780907026" sldId="273"/>
            <ac:spMk id="79" creationId="{962BD99C-E153-436A-A9E0-B78831A5B722}"/>
          </ac:spMkLst>
        </pc:spChg>
        <pc:spChg chg="mod">
          <ac:chgData name="Valentina Facuse" userId="8ac073aa-7feb-47c3-9cf3-f4c37dd140ee" providerId="ADAL" clId="{952DC8EC-DDCB-44ED-9743-6C061AD7F330}" dt="2022-05-18T13:52:14.427" v="700" actId="164"/>
          <ac:spMkLst>
            <pc:docMk/>
            <pc:sldMk cId="2780907026" sldId="273"/>
            <ac:spMk id="80" creationId="{C122DFC6-06C8-4F4B-BEC5-EE495C59506F}"/>
          </ac:spMkLst>
        </pc:spChg>
        <pc:spChg chg="mod">
          <ac:chgData name="Valentina Facuse" userId="8ac073aa-7feb-47c3-9cf3-f4c37dd140ee" providerId="ADAL" clId="{952DC8EC-DDCB-44ED-9743-6C061AD7F330}" dt="2022-05-18T13:52:14.427" v="700" actId="164"/>
          <ac:spMkLst>
            <pc:docMk/>
            <pc:sldMk cId="2780907026" sldId="273"/>
            <ac:spMk id="81" creationId="{D62D0642-8B3C-48C4-A4F4-853895E2B2A0}"/>
          </ac:spMkLst>
        </pc:spChg>
        <pc:spChg chg="mod">
          <ac:chgData name="Valentina Facuse" userId="8ac073aa-7feb-47c3-9cf3-f4c37dd140ee" providerId="ADAL" clId="{952DC8EC-DDCB-44ED-9743-6C061AD7F330}" dt="2022-05-18T13:52:14.427" v="700" actId="164"/>
          <ac:spMkLst>
            <pc:docMk/>
            <pc:sldMk cId="2780907026" sldId="273"/>
            <ac:spMk id="82" creationId="{047EBA42-44F2-496C-A6FE-EB7407FEEFF2}"/>
          </ac:spMkLst>
        </pc:spChg>
        <pc:spChg chg="mod">
          <ac:chgData name="Valentina Facuse" userId="8ac073aa-7feb-47c3-9cf3-f4c37dd140ee" providerId="ADAL" clId="{952DC8EC-DDCB-44ED-9743-6C061AD7F330}" dt="2022-05-18T13:52:14.427" v="700" actId="164"/>
          <ac:spMkLst>
            <pc:docMk/>
            <pc:sldMk cId="2780907026" sldId="273"/>
            <ac:spMk id="84" creationId="{A0C16809-59C4-ADDF-0609-DD1355B9D9AE}"/>
          </ac:spMkLst>
        </pc:spChg>
        <pc:grpChg chg="add mod">
          <ac:chgData name="Valentina Facuse" userId="8ac073aa-7feb-47c3-9cf3-f4c37dd140ee" providerId="ADAL" clId="{952DC8EC-DDCB-44ED-9743-6C061AD7F330}" dt="2022-05-18T13:52:14.427" v="700" actId="164"/>
          <ac:grpSpMkLst>
            <pc:docMk/>
            <pc:sldMk cId="2780907026" sldId="273"/>
            <ac:grpSpMk id="3" creationId="{CB85C5AE-6409-D6F7-D679-379DF081E65D}"/>
          </ac:grpSpMkLst>
        </pc:grpChg>
        <pc:cxnChg chg="mod">
          <ac:chgData name="Valentina Facuse" userId="8ac073aa-7feb-47c3-9cf3-f4c37dd140ee" providerId="ADAL" clId="{952DC8EC-DDCB-44ED-9743-6C061AD7F330}" dt="2022-05-18T13:52:14.427" v="700" actId="164"/>
          <ac:cxnSpMkLst>
            <pc:docMk/>
            <pc:sldMk cId="2780907026" sldId="273"/>
            <ac:cxnSpMk id="8" creationId="{9FC298DA-B758-4A99-84B5-C949FB419BD0}"/>
          </ac:cxnSpMkLst>
        </pc:cxnChg>
        <pc:cxnChg chg="mod">
          <ac:chgData name="Valentina Facuse" userId="8ac073aa-7feb-47c3-9cf3-f4c37dd140ee" providerId="ADAL" clId="{952DC8EC-DDCB-44ED-9743-6C061AD7F330}" dt="2022-05-18T13:52:14.427" v="700" actId="164"/>
          <ac:cxnSpMkLst>
            <pc:docMk/>
            <pc:sldMk cId="2780907026" sldId="273"/>
            <ac:cxnSpMk id="13" creationId="{E5C52519-064E-4280-AC47-D90698B09F11}"/>
          </ac:cxnSpMkLst>
        </pc:cxnChg>
        <pc:cxnChg chg="mod">
          <ac:chgData name="Valentina Facuse" userId="8ac073aa-7feb-47c3-9cf3-f4c37dd140ee" providerId="ADAL" clId="{952DC8EC-DDCB-44ED-9743-6C061AD7F330}" dt="2022-05-18T13:52:14.427" v="700" actId="164"/>
          <ac:cxnSpMkLst>
            <pc:docMk/>
            <pc:sldMk cId="2780907026" sldId="273"/>
            <ac:cxnSpMk id="15" creationId="{6AD41F3B-B474-4B18-9DBE-7F65137053CD}"/>
          </ac:cxnSpMkLst>
        </pc:cxnChg>
        <pc:cxnChg chg="mod">
          <ac:chgData name="Valentina Facuse" userId="8ac073aa-7feb-47c3-9cf3-f4c37dd140ee" providerId="ADAL" clId="{952DC8EC-DDCB-44ED-9743-6C061AD7F330}" dt="2022-05-18T13:52:14.427" v="700" actId="164"/>
          <ac:cxnSpMkLst>
            <pc:docMk/>
            <pc:sldMk cId="2780907026" sldId="273"/>
            <ac:cxnSpMk id="17" creationId="{84351CE1-E8D8-49F0-9C36-A5738417AFF3}"/>
          </ac:cxnSpMkLst>
        </pc:cxnChg>
        <pc:cxnChg chg="mod">
          <ac:chgData name="Valentina Facuse" userId="8ac073aa-7feb-47c3-9cf3-f4c37dd140ee" providerId="ADAL" clId="{952DC8EC-DDCB-44ED-9743-6C061AD7F330}" dt="2022-05-18T13:52:14.427" v="700" actId="164"/>
          <ac:cxnSpMkLst>
            <pc:docMk/>
            <pc:sldMk cId="2780907026" sldId="273"/>
            <ac:cxnSpMk id="19" creationId="{6FA7040A-05FC-4B98-BAE7-E270C76A45DB}"/>
          </ac:cxnSpMkLst>
        </pc:cxnChg>
        <pc:cxnChg chg="mod">
          <ac:chgData name="Valentina Facuse" userId="8ac073aa-7feb-47c3-9cf3-f4c37dd140ee" providerId="ADAL" clId="{952DC8EC-DDCB-44ED-9743-6C061AD7F330}" dt="2022-05-18T13:52:14.427" v="700" actId="164"/>
          <ac:cxnSpMkLst>
            <pc:docMk/>
            <pc:sldMk cId="2780907026" sldId="273"/>
            <ac:cxnSpMk id="21" creationId="{BF55CF53-AC30-4857-AE4A-EE96A2281B50}"/>
          </ac:cxnSpMkLst>
        </pc:cxnChg>
        <pc:cxnChg chg="mod">
          <ac:chgData name="Valentina Facuse" userId="8ac073aa-7feb-47c3-9cf3-f4c37dd140ee" providerId="ADAL" clId="{952DC8EC-DDCB-44ED-9743-6C061AD7F330}" dt="2022-05-18T13:52:14.427" v="700" actId="164"/>
          <ac:cxnSpMkLst>
            <pc:docMk/>
            <pc:sldMk cId="2780907026" sldId="273"/>
            <ac:cxnSpMk id="23" creationId="{F83C0A30-4EC6-4D5E-90B6-7CD98D0A9644}"/>
          </ac:cxnSpMkLst>
        </pc:cxnChg>
        <pc:cxnChg chg="mod">
          <ac:chgData name="Valentina Facuse" userId="8ac073aa-7feb-47c3-9cf3-f4c37dd140ee" providerId="ADAL" clId="{952DC8EC-DDCB-44ED-9743-6C061AD7F330}" dt="2022-05-18T13:52:14.427" v="700" actId="164"/>
          <ac:cxnSpMkLst>
            <pc:docMk/>
            <pc:sldMk cId="2780907026" sldId="273"/>
            <ac:cxnSpMk id="25" creationId="{40DEC4DC-5BB2-4EEC-90C9-6A14CF73FEFB}"/>
          </ac:cxnSpMkLst>
        </pc:cxnChg>
        <pc:cxnChg chg="mod">
          <ac:chgData name="Valentina Facuse" userId="8ac073aa-7feb-47c3-9cf3-f4c37dd140ee" providerId="ADAL" clId="{952DC8EC-DDCB-44ED-9743-6C061AD7F330}" dt="2022-05-18T13:52:14.427" v="700" actId="164"/>
          <ac:cxnSpMkLst>
            <pc:docMk/>
            <pc:sldMk cId="2780907026" sldId="273"/>
            <ac:cxnSpMk id="27" creationId="{AAA295C2-5895-421B-9D42-2B2D89CBE5C6}"/>
          </ac:cxnSpMkLst>
        </pc:cxnChg>
        <pc:cxnChg chg="mod">
          <ac:chgData name="Valentina Facuse" userId="8ac073aa-7feb-47c3-9cf3-f4c37dd140ee" providerId="ADAL" clId="{952DC8EC-DDCB-44ED-9743-6C061AD7F330}" dt="2022-05-18T13:52:14.427" v="700" actId="164"/>
          <ac:cxnSpMkLst>
            <pc:docMk/>
            <pc:sldMk cId="2780907026" sldId="273"/>
            <ac:cxnSpMk id="29" creationId="{B336BC1E-011A-4B57-BFE8-368BFCEC9188}"/>
          </ac:cxnSpMkLst>
        </pc:cxnChg>
        <pc:cxnChg chg="mod">
          <ac:chgData name="Valentina Facuse" userId="8ac073aa-7feb-47c3-9cf3-f4c37dd140ee" providerId="ADAL" clId="{952DC8EC-DDCB-44ED-9743-6C061AD7F330}" dt="2022-05-18T13:52:14.427" v="700" actId="164"/>
          <ac:cxnSpMkLst>
            <pc:docMk/>
            <pc:sldMk cId="2780907026" sldId="273"/>
            <ac:cxnSpMk id="31" creationId="{3D4AAA4A-4225-4139-8907-314546C6EC0D}"/>
          </ac:cxnSpMkLst>
        </pc:cxnChg>
        <pc:cxnChg chg="mod">
          <ac:chgData name="Valentina Facuse" userId="8ac073aa-7feb-47c3-9cf3-f4c37dd140ee" providerId="ADAL" clId="{952DC8EC-DDCB-44ED-9743-6C061AD7F330}" dt="2022-05-18T13:52:14.427" v="700" actId="164"/>
          <ac:cxnSpMkLst>
            <pc:docMk/>
            <pc:sldMk cId="2780907026" sldId="273"/>
            <ac:cxnSpMk id="33" creationId="{83481B24-8AEA-49CF-A863-8BC03D944D8F}"/>
          </ac:cxnSpMkLst>
        </pc:cxnChg>
        <pc:cxnChg chg="mod">
          <ac:chgData name="Valentina Facuse" userId="8ac073aa-7feb-47c3-9cf3-f4c37dd140ee" providerId="ADAL" clId="{952DC8EC-DDCB-44ED-9743-6C061AD7F330}" dt="2022-05-18T13:52:14.427" v="700" actId="164"/>
          <ac:cxnSpMkLst>
            <pc:docMk/>
            <pc:sldMk cId="2780907026" sldId="273"/>
            <ac:cxnSpMk id="53" creationId="{64DC2982-4CFD-46BA-80C6-AD1F5FE7AAC9}"/>
          </ac:cxnSpMkLst>
        </pc:cxnChg>
        <pc:cxnChg chg="mod">
          <ac:chgData name="Valentina Facuse" userId="8ac073aa-7feb-47c3-9cf3-f4c37dd140ee" providerId="ADAL" clId="{952DC8EC-DDCB-44ED-9743-6C061AD7F330}" dt="2022-05-18T13:52:14.427" v="700" actId="164"/>
          <ac:cxnSpMkLst>
            <pc:docMk/>
            <pc:sldMk cId="2780907026" sldId="273"/>
            <ac:cxnSpMk id="60" creationId="{1051E854-3827-46D8-922C-3B1D644E3759}"/>
          </ac:cxnSpMkLst>
        </pc:cxnChg>
        <pc:cxnChg chg="mod">
          <ac:chgData name="Valentina Facuse" userId="8ac073aa-7feb-47c3-9cf3-f4c37dd140ee" providerId="ADAL" clId="{952DC8EC-DDCB-44ED-9743-6C061AD7F330}" dt="2022-05-18T13:52:14.427" v="700" actId="164"/>
          <ac:cxnSpMkLst>
            <pc:docMk/>
            <pc:sldMk cId="2780907026" sldId="273"/>
            <ac:cxnSpMk id="70" creationId="{F8EA8A65-1D6E-422C-9200-78E562BFFBCE}"/>
          </ac:cxnSpMkLst>
        </pc:cxnChg>
        <pc:cxnChg chg="mod">
          <ac:chgData name="Valentina Facuse" userId="8ac073aa-7feb-47c3-9cf3-f4c37dd140ee" providerId="ADAL" clId="{952DC8EC-DDCB-44ED-9743-6C061AD7F330}" dt="2022-05-18T13:52:14.427" v="700" actId="164"/>
          <ac:cxnSpMkLst>
            <pc:docMk/>
            <pc:sldMk cId="2780907026" sldId="273"/>
            <ac:cxnSpMk id="83" creationId="{327B6362-C9CF-4616-9BC2-A69AD4AA7127}"/>
          </ac:cxnSpMkLst>
        </pc:cxnChg>
      </pc:sldChg>
      <pc:sldChg chg="modSp del mod">
        <pc:chgData name="Valentina Facuse" userId="8ac073aa-7feb-47c3-9cf3-f4c37dd140ee" providerId="ADAL" clId="{952DC8EC-DDCB-44ED-9743-6C061AD7F330}" dt="2022-05-18T13:55:12.229" v="725" actId="2696"/>
        <pc:sldMkLst>
          <pc:docMk/>
          <pc:sldMk cId="495892712" sldId="274"/>
        </pc:sldMkLst>
        <pc:spChg chg="mod">
          <ac:chgData name="Valentina Facuse" userId="8ac073aa-7feb-47c3-9cf3-f4c37dd140ee" providerId="ADAL" clId="{952DC8EC-DDCB-44ED-9743-6C061AD7F330}" dt="2022-05-18T13:23:14.728" v="67" actId="2711"/>
          <ac:spMkLst>
            <pc:docMk/>
            <pc:sldMk cId="495892712" sldId="274"/>
            <ac:spMk id="2" creationId="{00000000-0000-0000-0000-000000000000}"/>
          </ac:spMkLst>
        </pc:spChg>
        <pc:spChg chg="mod">
          <ac:chgData name="Valentina Facuse" userId="8ac073aa-7feb-47c3-9cf3-f4c37dd140ee" providerId="ADAL" clId="{952DC8EC-DDCB-44ED-9743-6C061AD7F330}" dt="2022-05-18T13:23:21.617" v="68" actId="2711"/>
          <ac:spMkLst>
            <pc:docMk/>
            <pc:sldMk cId="495892712" sldId="274"/>
            <ac:spMk id="3" creationId="{00000000-0000-0000-0000-000000000000}"/>
          </ac:spMkLst>
        </pc:spChg>
      </pc:sldChg>
      <pc:sldChg chg="modSp del mod">
        <pc:chgData name="Valentina Facuse" userId="8ac073aa-7feb-47c3-9cf3-f4c37dd140ee" providerId="ADAL" clId="{952DC8EC-DDCB-44ED-9743-6C061AD7F330}" dt="2022-05-18T13:55:56.787" v="735" actId="2696"/>
        <pc:sldMkLst>
          <pc:docMk/>
          <pc:sldMk cId="711113613" sldId="275"/>
        </pc:sldMkLst>
        <pc:spChg chg="mod">
          <ac:chgData name="Valentina Facuse" userId="8ac073aa-7feb-47c3-9cf3-f4c37dd140ee" providerId="ADAL" clId="{952DC8EC-DDCB-44ED-9743-6C061AD7F330}" dt="2022-05-18T13:23:28.061" v="69" actId="2711"/>
          <ac:spMkLst>
            <pc:docMk/>
            <pc:sldMk cId="711113613" sldId="275"/>
            <ac:spMk id="2" creationId="{00000000-0000-0000-0000-000000000000}"/>
          </ac:spMkLst>
        </pc:spChg>
        <pc:spChg chg="mod">
          <ac:chgData name="Valentina Facuse" userId="8ac073aa-7feb-47c3-9cf3-f4c37dd140ee" providerId="ADAL" clId="{952DC8EC-DDCB-44ED-9743-6C061AD7F330}" dt="2022-05-18T13:23:35.712" v="70" actId="2711"/>
          <ac:spMkLst>
            <pc:docMk/>
            <pc:sldMk cId="711113613" sldId="275"/>
            <ac:spMk id="3" creationId="{00000000-0000-0000-0000-000000000000}"/>
          </ac:spMkLst>
        </pc:spChg>
      </pc:sldChg>
      <pc:sldChg chg="modSp del mod">
        <pc:chgData name="Valentina Facuse" userId="8ac073aa-7feb-47c3-9cf3-f4c37dd140ee" providerId="ADAL" clId="{952DC8EC-DDCB-44ED-9743-6C061AD7F330}" dt="2022-05-18T13:57:22.987" v="772" actId="2696"/>
        <pc:sldMkLst>
          <pc:docMk/>
          <pc:sldMk cId="3375571795" sldId="276"/>
        </pc:sldMkLst>
        <pc:spChg chg="mod">
          <ac:chgData name="Valentina Facuse" userId="8ac073aa-7feb-47c3-9cf3-f4c37dd140ee" providerId="ADAL" clId="{952DC8EC-DDCB-44ED-9743-6C061AD7F330}" dt="2022-05-18T13:24:00.502" v="72" actId="2711"/>
          <ac:spMkLst>
            <pc:docMk/>
            <pc:sldMk cId="3375571795" sldId="276"/>
            <ac:spMk id="2" creationId="{00000000-0000-0000-0000-000000000000}"/>
          </ac:spMkLst>
        </pc:spChg>
        <pc:spChg chg="mod">
          <ac:chgData name="Valentina Facuse" userId="8ac073aa-7feb-47c3-9cf3-f4c37dd140ee" providerId="ADAL" clId="{952DC8EC-DDCB-44ED-9743-6C061AD7F330}" dt="2022-05-18T13:24:06.818" v="73" actId="2711"/>
          <ac:spMkLst>
            <pc:docMk/>
            <pc:sldMk cId="3375571795" sldId="276"/>
            <ac:spMk id="7" creationId="{A181959A-65B0-4D5F-8D5E-0FABFCC52B40}"/>
          </ac:spMkLst>
        </pc:spChg>
      </pc:sldChg>
      <pc:sldChg chg="delSp modSp add del mod">
        <pc:chgData name="Valentina Facuse" userId="8ac073aa-7feb-47c3-9cf3-f4c37dd140ee" providerId="ADAL" clId="{952DC8EC-DDCB-44ED-9743-6C061AD7F330}" dt="2022-05-18T13:33:57.671" v="102" actId="1076"/>
        <pc:sldMkLst>
          <pc:docMk/>
          <pc:sldMk cId="4203933959" sldId="280"/>
        </pc:sldMkLst>
        <pc:spChg chg="mod">
          <ac:chgData name="Valentina Facuse" userId="8ac073aa-7feb-47c3-9cf3-f4c37dd140ee" providerId="ADAL" clId="{952DC8EC-DDCB-44ED-9743-6C061AD7F330}" dt="2022-05-18T13:33:57.671" v="102" actId="1076"/>
          <ac:spMkLst>
            <pc:docMk/>
            <pc:sldMk cId="4203933959" sldId="280"/>
            <ac:spMk id="2" creationId="{E373D351-0C07-414D-B4BF-BBE5F1F83375}"/>
          </ac:spMkLst>
        </pc:spChg>
        <pc:spChg chg="del">
          <ac:chgData name="Valentina Facuse" userId="8ac073aa-7feb-47c3-9cf3-f4c37dd140ee" providerId="ADAL" clId="{952DC8EC-DDCB-44ED-9743-6C061AD7F330}" dt="2022-05-18T13:33:47.606" v="100" actId="478"/>
          <ac:spMkLst>
            <pc:docMk/>
            <pc:sldMk cId="4203933959" sldId="280"/>
            <ac:spMk id="3" creationId="{3355B224-E3C1-46F9-8CE3-22DEAFD023A5}"/>
          </ac:spMkLst>
        </pc:spChg>
      </pc:sldChg>
      <pc:sldChg chg="delSp modSp add mod">
        <pc:chgData name="Valentina Facuse" userId="8ac073aa-7feb-47c3-9cf3-f4c37dd140ee" providerId="ADAL" clId="{952DC8EC-DDCB-44ED-9743-6C061AD7F330}" dt="2022-05-18T13:31:54.164" v="94" actId="478"/>
        <pc:sldMkLst>
          <pc:docMk/>
          <pc:sldMk cId="2756440831" sldId="284"/>
        </pc:sldMkLst>
        <pc:spChg chg="mod">
          <ac:chgData name="Valentina Facuse" userId="8ac073aa-7feb-47c3-9cf3-f4c37dd140ee" providerId="ADAL" clId="{952DC8EC-DDCB-44ED-9743-6C061AD7F330}" dt="2022-05-18T13:31:47.052" v="92" actId="20577"/>
          <ac:spMkLst>
            <pc:docMk/>
            <pc:sldMk cId="2756440831" sldId="284"/>
            <ac:spMk id="2" creationId="{62466923-4D41-4DCD-9587-2855C0719472}"/>
          </ac:spMkLst>
        </pc:spChg>
        <pc:spChg chg="mod">
          <ac:chgData name="Valentina Facuse" userId="8ac073aa-7feb-47c3-9cf3-f4c37dd140ee" providerId="ADAL" clId="{952DC8EC-DDCB-44ED-9743-6C061AD7F330}" dt="2022-05-18T13:31:36.009" v="89"/>
          <ac:spMkLst>
            <pc:docMk/>
            <pc:sldMk cId="2756440831" sldId="284"/>
            <ac:spMk id="3" creationId="{B67E1C04-7AC0-47B9-A990-11C7D1776B18}"/>
          </ac:spMkLst>
        </pc:spChg>
        <pc:spChg chg="del">
          <ac:chgData name="Valentina Facuse" userId="8ac073aa-7feb-47c3-9cf3-f4c37dd140ee" providerId="ADAL" clId="{952DC8EC-DDCB-44ED-9743-6C061AD7F330}" dt="2022-05-18T13:31:54.164" v="94" actId="478"/>
          <ac:spMkLst>
            <pc:docMk/>
            <pc:sldMk cId="2756440831" sldId="284"/>
            <ac:spMk id="4" creationId="{88B4FD69-FF45-4284-AAA5-E38775C12EC0}"/>
          </ac:spMkLst>
        </pc:spChg>
        <pc:spChg chg="del">
          <ac:chgData name="Valentina Facuse" userId="8ac073aa-7feb-47c3-9cf3-f4c37dd140ee" providerId="ADAL" clId="{952DC8EC-DDCB-44ED-9743-6C061AD7F330}" dt="2022-05-18T13:31:51.731" v="93" actId="478"/>
          <ac:spMkLst>
            <pc:docMk/>
            <pc:sldMk cId="2756440831" sldId="284"/>
            <ac:spMk id="5" creationId="{0841FAA7-EE74-46AE-9055-1520DAC852AB}"/>
          </ac:spMkLst>
        </pc:spChg>
      </pc:sldChg>
      <pc:sldChg chg="modSp del mod">
        <pc:chgData name="Valentina Facuse" userId="8ac073aa-7feb-47c3-9cf3-f4c37dd140ee" providerId="ADAL" clId="{952DC8EC-DDCB-44ED-9743-6C061AD7F330}" dt="2022-05-18T13:48:00.723" v="580" actId="2696"/>
        <pc:sldMkLst>
          <pc:docMk/>
          <pc:sldMk cId="2981493092" sldId="620"/>
        </pc:sldMkLst>
        <pc:spChg chg="mod">
          <ac:chgData name="Valentina Facuse" userId="8ac073aa-7feb-47c3-9cf3-f4c37dd140ee" providerId="ADAL" clId="{952DC8EC-DDCB-44ED-9743-6C061AD7F330}" dt="2022-05-18T13:20:15.527" v="53" actId="2711"/>
          <ac:spMkLst>
            <pc:docMk/>
            <pc:sldMk cId="2981493092" sldId="620"/>
            <ac:spMk id="11" creationId="{00000000-0000-0000-0000-000000000000}"/>
          </ac:spMkLst>
        </pc:spChg>
      </pc:sldChg>
      <pc:sldChg chg="modSp del mod">
        <pc:chgData name="Valentina Facuse" userId="8ac073aa-7feb-47c3-9cf3-f4c37dd140ee" providerId="ADAL" clId="{952DC8EC-DDCB-44ED-9743-6C061AD7F330}" dt="2022-05-18T13:34:24.072" v="103" actId="2696"/>
        <pc:sldMkLst>
          <pc:docMk/>
          <pc:sldMk cId="4245066149" sldId="621"/>
        </pc:sldMkLst>
        <pc:spChg chg="mod">
          <ac:chgData name="Valentina Facuse" userId="8ac073aa-7feb-47c3-9cf3-f4c37dd140ee" providerId="ADAL" clId="{952DC8EC-DDCB-44ED-9743-6C061AD7F330}" dt="2022-05-18T13:17:31.149" v="29" actId="2711"/>
          <ac:spMkLst>
            <pc:docMk/>
            <pc:sldMk cId="4245066149" sldId="621"/>
            <ac:spMk id="11" creationId="{00000000-0000-0000-0000-000000000000}"/>
          </ac:spMkLst>
        </pc:spChg>
      </pc:sldChg>
      <pc:sldChg chg="modSp del mod">
        <pc:chgData name="Valentina Facuse" userId="8ac073aa-7feb-47c3-9cf3-f4c37dd140ee" providerId="ADAL" clId="{952DC8EC-DDCB-44ED-9743-6C061AD7F330}" dt="2022-05-18T13:50:19.368" v="653" actId="2696"/>
        <pc:sldMkLst>
          <pc:docMk/>
          <pc:sldMk cId="866951928" sldId="622"/>
        </pc:sldMkLst>
        <pc:spChg chg="mod">
          <ac:chgData name="Valentina Facuse" userId="8ac073aa-7feb-47c3-9cf3-f4c37dd140ee" providerId="ADAL" clId="{952DC8EC-DDCB-44ED-9743-6C061AD7F330}" dt="2022-05-18T13:20:51.854" v="59" actId="2711"/>
          <ac:spMkLst>
            <pc:docMk/>
            <pc:sldMk cId="866951928" sldId="622"/>
            <ac:spMk id="11" creationId="{00000000-0000-0000-0000-000000000000}"/>
          </ac:spMkLst>
        </pc:spChg>
      </pc:sldChg>
      <pc:sldChg chg="modSp del mod">
        <pc:chgData name="Valentina Facuse" userId="8ac073aa-7feb-47c3-9cf3-f4c37dd140ee" providerId="ADAL" clId="{952DC8EC-DDCB-44ED-9743-6C061AD7F330}" dt="2022-05-18T13:56:21.161" v="749" actId="2696"/>
        <pc:sldMkLst>
          <pc:docMk/>
          <pc:sldMk cId="2466721519" sldId="623"/>
        </pc:sldMkLst>
        <pc:spChg chg="mod">
          <ac:chgData name="Valentina Facuse" userId="8ac073aa-7feb-47c3-9cf3-f4c37dd140ee" providerId="ADAL" clId="{952DC8EC-DDCB-44ED-9743-6C061AD7F330}" dt="2022-05-18T13:23:49.814" v="71" actId="2711"/>
          <ac:spMkLst>
            <pc:docMk/>
            <pc:sldMk cId="2466721519" sldId="623"/>
            <ac:spMk id="11" creationId="{00000000-0000-0000-0000-000000000000}"/>
          </ac:spMkLst>
        </pc:spChg>
      </pc:sldChg>
      <pc:sldChg chg="modSp del mod">
        <pc:chgData name="Valentina Facuse" userId="8ac073aa-7feb-47c3-9cf3-f4c37dd140ee" providerId="ADAL" clId="{952DC8EC-DDCB-44ED-9743-6C061AD7F330}" dt="2022-05-18T13:58:17.427" v="794" actId="2696"/>
        <pc:sldMkLst>
          <pc:docMk/>
          <pc:sldMk cId="4194238447" sldId="624"/>
        </pc:sldMkLst>
        <pc:spChg chg="mod">
          <ac:chgData name="Valentina Facuse" userId="8ac073aa-7feb-47c3-9cf3-f4c37dd140ee" providerId="ADAL" clId="{952DC8EC-DDCB-44ED-9743-6C061AD7F330}" dt="2022-05-18T13:24:15.379" v="74" actId="2711"/>
          <ac:spMkLst>
            <pc:docMk/>
            <pc:sldMk cId="4194238447" sldId="624"/>
            <ac:spMk id="2" creationId="{00000000-0000-0000-0000-000000000000}"/>
          </ac:spMkLst>
        </pc:spChg>
        <pc:spChg chg="mod">
          <ac:chgData name="Valentina Facuse" userId="8ac073aa-7feb-47c3-9cf3-f4c37dd140ee" providerId="ADAL" clId="{952DC8EC-DDCB-44ED-9743-6C061AD7F330}" dt="2022-05-18T13:24:25.620" v="75" actId="2711"/>
          <ac:spMkLst>
            <pc:docMk/>
            <pc:sldMk cId="4194238447" sldId="624"/>
            <ac:spMk id="7" creationId="{A181959A-65B0-4D5F-8D5E-0FABFCC52B40}"/>
          </ac:spMkLst>
        </pc:spChg>
      </pc:sldChg>
      <pc:sldChg chg="modSp del mod">
        <pc:chgData name="Valentina Facuse" userId="8ac073aa-7feb-47c3-9cf3-f4c37dd140ee" providerId="ADAL" clId="{952DC8EC-DDCB-44ED-9743-6C061AD7F330}" dt="2022-05-18T13:38:31.763" v="323" actId="2696"/>
        <pc:sldMkLst>
          <pc:docMk/>
          <pc:sldMk cId="3313322281" sldId="626"/>
        </pc:sldMkLst>
        <pc:spChg chg="mod">
          <ac:chgData name="Valentina Facuse" userId="8ac073aa-7feb-47c3-9cf3-f4c37dd140ee" providerId="ADAL" clId="{952DC8EC-DDCB-44ED-9743-6C061AD7F330}" dt="2022-05-18T13:17:49.532" v="32" actId="2711"/>
          <ac:spMkLst>
            <pc:docMk/>
            <pc:sldMk cId="3313322281" sldId="626"/>
            <ac:spMk id="2" creationId="{00000000-0000-0000-0000-000000000000}"/>
          </ac:spMkLst>
        </pc:spChg>
        <pc:spChg chg="mod">
          <ac:chgData name="Valentina Facuse" userId="8ac073aa-7feb-47c3-9cf3-f4c37dd140ee" providerId="ADAL" clId="{952DC8EC-DDCB-44ED-9743-6C061AD7F330}" dt="2022-05-18T13:17:55.878" v="33" actId="2711"/>
          <ac:spMkLst>
            <pc:docMk/>
            <pc:sldMk cId="3313322281" sldId="626"/>
            <ac:spMk id="7" creationId="{BDB1AC90-1C97-48D6-911F-B9383E4A9A06}"/>
          </ac:spMkLst>
        </pc:spChg>
      </pc:sldChg>
      <pc:sldChg chg="modSp del mod">
        <pc:chgData name="Valentina Facuse" userId="8ac073aa-7feb-47c3-9cf3-f4c37dd140ee" providerId="ADAL" clId="{952DC8EC-DDCB-44ED-9743-6C061AD7F330}" dt="2022-05-18T13:41:09.873" v="403" actId="2696"/>
        <pc:sldMkLst>
          <pc:docMk/>
          <pc:sldMk cId="211892143" sldId="627"/>
        </pc:sldMkLst>
        <pc:spChg chg="mod">
          <ac:chgData name="Valentina Facuse" userId="8ac073aa-7feb-47c3-9cf3-f4c37dd140ee" providerId="ADAL" clId="{952DC8EC-DDCB-44ED-9743-6C061AD7F330}" dt="2022-05-18T13:18:13.745" v="35" actId="2711"/>
          <ac:spMkLst>
            <pc:docMk/>
            <pc:sldMk cId="211892143" sldId="627"/>
            <ac:spMk id="2" creationId="{00000000-0000-0000-0000-000000000000}"/>
          </ac:spMkLst>
        </pc:spChg>
        <pc:spChg chg="mod">
          <ac:chgData name="Valentina Facuse" userId="8ac073aa-7feb-47c3-9cf3-f4c37dd140ee" providerId="ADAL" clId="{952DC8EC-DDCB-44ED-9743-6C061AD7F330}" dt="2022-05-18T13:18:18.423" v="36" actId="2711"/>
          <ac:spMkLst>
            <pc:docMk/>
            <pc:sldMk cId="211892143" sldId="627"/>
            <ac:spMk id="7" creationId="{BDB1AC90-1C97-48D6-911F-B9383E4A9A06}"/>
          </ac:spMkLst>
        </pc:spChg>
        <pc:spChg chg="mod">
          <ac:chgData name="Valentina Facuse" userId="8ac073aa-7feb-47c3-9cf3-f4c37dd140ee" providerId="ADAL" clId="{952DC8EC-DDCB-44ED-9743-6C061AD7F330}" dt="2022-05-18T13:18:27.578" v="39" actId="2711"/>
          <ac:spMkLst>
            <pc:docMk/>
            <pc:sldMk cId="211892143" sldId="627"/>
            <ac:spMk id="9" creationId="{7CB71E4F-5431-4BC1-86C5-E9A233CD1D34}"/>
          </ac:spMkLst>
        </pc:spChg>
      </pc:sldChg>
      <pc:sldChg chg="modSp del mod">
        <pc:chgData name="Valentina Facuse" userId="8ac073aa-7feb-47c3-9cf3-f4c37dd140ee" providerId="ADAL" clId="{952DC8EC-DDCB-44ED-9743-6C061AD7F330}" dt="2022-05-18T13:43:25.190" v="523" actId="2696"/>
        <pc:sldMkLst>
          <pc:docMk/>
          <pc:sldMk cId="4051716824" sldId="628"/>
        </pc:sldMkLst>
        <pc:spChg chg="mod">
          <ac:chgData name="Valentina Facuse" userId="8ac073aa-7feb-47c3-9cf3-f4c37dd140ee" providerId="ADAL" clId="{952DC8EC-DDCB-44ED-9743-6C061AD7F330}" dt="2022-05-18T13:18:38.602" v="40" actId="2711"/>
          <ac:spMkLst>
            <pc:docMk/>
            <pc:sldMk cId="4051716824" sldId="628"/>
            <ac:spMk id="2" creationId="{00000000-0000-0000-0000-000000000000}"/>
          </ac:spMkLst>
        </pc:spChg>
        <pc:spChg chg="mod">
          <ac:chgData name="Valentina Facuse" userId="8ac073aa-7feb-47c3-9cf3-f4c37dd140ee" providerId="ADAL" clId="{952DC8EC-DDCB-44ED-9743-6C061AD7F330}" dt="2022-05-18T13:18:43.258" v="41" actId="2711"/>
          <ac:spMkLst>
            <pc:docMk/>
            <pc:sldMk cId="4051716824" sldId="628"/>
            <ac:spMk id="7" creationId="{BDB1AC90-1C97-48D6-911F-B9383E4A9A06}"/>
          </ac:spMkLst>
        </pc:spChg>
        <pc:spChg chg="mod">
          <ac:chgData name="Valentina Facuse" userId="8ac073aa-7feb-47c3-9cf3-f4c37dd140ee" providerId="ADAL" clId="{952DC8EC-DDCB-44ED-9743-6C061AD7F330}" dt="2022-05-18T13:18:47.925" v="42" actId="2711"/>
          <ac:spMkLst>
            <pc:docMk/>
            <pc:sldMk cId="4051716824" sldId="628"/>
            <ac:spMk id="9" creationId="{7CB71E4F-5431-4BC1-86C5-E9A233CD1D34}"/>
          </ac:spMkLst>
        </pc:spChg>
      </pc:sldChg>
      <pc:sldChg chg="modSp del mod">
        <pc:chgData name="Valentina Facuse" userId="8ac073aa-7feb-47c3-9cf3-f4c37dd140ee" providerId="ADAL" clId="{952DC8EC-DDCB-44ED-9743-6C061AD7F330}" dt="2022-05-18T13:44:49.546" v="551" actId="2696"/>
        <pc:sldMkLst>
          <pc:docMk/>
          <pc:sldMk cId="1574372541" sldId="629"/>
        </pc:sldMkLst>
        <pc:spChg chg="mod">
          <ac:chgData name="Valentina Facuse" userId="8ac073aa-7feb-47c3-9cf3-f4c37dd140ee" providerId="ADAL" clId="{952DC8EC-DDCB-44ED-9743-6C061AD7F330}" dt="2022-05-18T13:19:11.860" v="44" actId="2711"/>
          <ac:spMkLst>
            <pc:docMk/>
            <pc:sldMk cId="1574372541" sldId="629"/>
            <ac:spMk id="2" creationId="{00000000-0000-0000-0000-000000000000}"/>
          </ac:spMkLst>
        </pc:spChg>
        <pc:spChg chg="mod">
          <ac:chgData name="Valentina Facuse" userId="8ac073aa-7feb-47c3-9cf3-f4c37dd140ee" providerId="ADAL" clId="{952DC8EC-DDCB-44ED-9743-6C061AD7F330}" dt="2022-05-18T13:19:16.531" v="45" actId="2711"/>
          <ac:spMkLst>
            <pc:docMk/>
            <pc:sldMk cId="1574372541" sldId="629"/>
            <ac:spMk id="7" creationId="{BDB1AC90-1C97-48D6-911F-B9383E4A9A06}"/>
          </ac:spMkLst>
        </pc:spChg>
      </pc:sldChg>
      <pc:sldChg chg="addSp modSp del mod">
        <pc:chgData name="Valentina Facuse" userId="8ac073aa-7feb-47c3-9cf3-f4c37dd140ee" providerId="ADAL" clId="{952DC8EC-DDCB-44ED-9743-6C061AD7F330}" dt="2022-05-18T13:39:59.212" v="389" actId="2696"/>
        <pc:sldMkLst>
          <pc:docMk/>
          <pc:sldMk cId="348587743" sldId="630"/>
        </pc:sldMkLst>
        <pc:spChg chg="mod">
          <ac:chgData name="Valentina Facuse" userId="8ac073aa-7feb-47c3-9cf3-f4c37dd140ee" providerId="ADAL" clId="{952DC8EC-DDCB-44ED-9743-6C061AD7F330}" dt="2022-05-18T13:18:06.234" v="34" actId="2711"/>
          <ac:spMkLst>
            <pc:docMk/>
            <pc:sldMk cId="348587743" sldId="630"/>
            <ac:spMk id="2" creationId="{00000000-0000-0000-0000-000000000000}"/>
          </ac:spMkLst>
        </pc:spChg>
        <pc:spChg chg="mod">
          <ac:chgData name="Valentina Facuse" userId="8ac073aa-7feb-47c3-9cf3-f4c37dd140ee" providerId="ADAL" clId="{952DC8EC-DDCB-44ED-9743-6C061AD7F330}" dt="2022-05-18T13:38:52.907" v="324" actId="164"/>
          <ac:spMkLst>
            <pc:docMk/>
            <pc:sldMk cId="348587743" sldId="630"/>
            <ac:spMk id="3" creationId="{EF7D505C-0DBC-4EA5-A1F7-9E687BBAB23C}"/>
          </ac:spMkLst>
        </pc:spChg>
        <pc:grpChg chg="add mod">
          <ac:chgData name="Valentina Facuse" userId="8ac073aa-7feb-47c3-9cf3-f4c37dd140ee" providerId="ADAL" clId="{952DC8EC-DDCB-44ED-9743-6C061AD7F330}" dt="2022-05-18T13:38:52.907" v="324" actId="164"/>
          <ac:grpSpMkLst>
            <pc:docMk/>
            <pc:sldMk cId="348587743" sldId="630"/>
            <ac:grpSpMk id="4" creationId="{37BE3D53-CB25-54CC-444A-B8E4CBDD52F4}"/>
          </ac:grpSpMkLst>
        </pc:grpChg>
        <pc:picChg chg="mod">
          <ac:chgData name="Valentina Facuse" userId="8ac073aa-7feb-47c3-9cf3-f4c37dd140ee" providerId="ADAL" clId="{952DC8EC-DDCB-44ED-9743-6C061AD7F330}" dt="2022-05-18T13:38:52.907" v="324" actId="164"/>
          <ac:picMkLst>
            <pc:docMk/>
            <pc:sldMk cId="348587743" sldId="630"/>
            <ac:picMk id="7" creationId="{0600846F-D0C9-4C85-8F4E-7FBF4731BDD2}"/>
          </ac:picMkLst>
        </pc:picChg>
      </pc:sldChg>
      <pc:sldChg chg="modSp del mod">
        <pc:chgData name="Valentina Facuse" userId="8ac073aa-7feb-47c3-9cf3-f4c37dd140ee" providerId="ADAL" clId="{952DC8EC-DDCB-44ED-9743-6C061AD7F330}" dt="2022-05-18T13:43:55.239" v="526" actId="2696"/>
        <pc:sldMkLst>
          <pc:docMk/>
          <pc:sldMk cId="859137396" sldId="631"/>
        </pc:sldMkLst>
        <pc:spChg chg="mod">
          <ac:chgData name="Valentina Facuse" userId="8ac073aa-7feb-47c3-9cf3-f4c37dd140ee" providerId="ADAL" clId="{952DC8EC-DDCB-44ED-9743-6C061AD7F330}" dt="2022-05-18T13:18:58.327" v="43" actId="2711"/>
          <ac:spMkLst>
            <pc:docMk/>
            <pc:sldMk cId="859137396" sldId="631"/>
            <ac:spMk id="2" creationId="{00000000-0000-0000-0000-000000000000}"/>
          </ac:spMkLst>
        </pc:spChg>
      </pc:sldChg>
      <pc:sldChg chg="modSp del mod">
        <pc:chgData name="Valentina Facuse" userId="8ac073aa-7feb-47c3-9cf3-f4c37dd140ee" providerId="ADAL" clId="{952DC8EC-DDCB-44ED-9743-6C061AD7F330}" dt="2022-05-18T13:46:11.964" v="563" actId="2696"/>
        <pc:sldMkLst>
          <pc:docMk/>
          <pc:sldMk cId="2729198281" sldId="632"/>
        </pc:sldMkLst>
        <pc:spChg chg="mod">
          <ac:chgData name="Valentina Facuse" userId="8ac073aa-7feb-47c3-9cf3-f4c37dd140ee" providerId="ADAL" clId="{952DC8EC-DDCB-44ED-9743-6C061AD7F330}" dt="2022-05-18T13:19:24.557" v="46" actId="2711"/>
          <ac:spMkLst>
            <pc:docMk/>
            <pc:sldMk cId="2729198281" sldId="632"/>
            <ac:spMk id="2" creationId="{00000000-0000-0000-0000-000000000000}"/>
          </ac:spMkLst>
        </pc:spChg>
      </pc:sldChg>
      <pc:sldChg chg="addSp delSp modSp del mod">
        <pc:chgData name="Valentina Facuse" userId="8ac073aa-7feb-47c3-9cf3-f4c37dd140ee" providerId="ADAL" clId="{952DC8EC-DDCB-44ED-9743-6C061AD7F330}" dt="2022-05-18T13:54:08.395" v="713" actId="2696"/>
        <pc:sldMkLst>
          <pc:docMk/>
          <pc:sldMk cId="1961725314" sldId="633"/>
        </pc:sldMkLst>
        <pc:spChg chg="mod">
          <ac:chgData name="Valentina Facuse" userId="8ac073aa-7feb-47c3-9cf3-f4c37dd140ee" providerId="ADAL" clId="{952DC8EC-DDCB-44ED-9743-6C061AD7F330}" dt="2022-05-18T13:15:04.250" v="25" actId="2711"/>
          <ac:spMkLst>
            <pc:docMk/>
            <pc:sldMk cId="1961725314" sldId="633"/>
            <ac:spMk id="2" creationId="{00000000-0000-0000-0000-000000000000}"/>
          </ac:spMkLst>
        </pc:spChg>
        <pc:spChg chg="mod">
          <ac:chgData name="Valentina Facuse" userId="8ac073aa-7feb-47c3-9cf3-f4c37dd140ee" providerId="ADAL" clId="{952DC8EC-DDCB-44ED-9743-6C061AD7F330}" dt="2022-05-18T13:12:57.373" v="17" actId="1076"/>
          <ac:spMkLst>
            <pc:docMk/>
            <pc:sldMk cId="1961725314" sldId="633"/>
            <ac:spMk id="19" creationId="{B4CBF577-FC10-3329-1304-08FC6558D196}"/>
          </ac:spMkLst>
        </pc:spChg>
        <pc:spChg chg="mod">
          <ac:chgData name="Valentina Facuse" userId="8ac073aa-7feb-47c3-9cf3-f4c37dd140ee" providerId="ADAL" clId="{952DC8EC-DDCB-44ED-9743-6C061AD7F330}" dt="2022-05-18T13:12:57.373" v="17" actId="1076"/>
          <ac:spMkLst>
            <pc:docMk/>
            <pc:sldMk cId="1961725314" sldId="633"/>
            <ac:spMk id="20" creationId="{71C7CC8F-F553-7519-C12C-A6C2414E7736}"/>
          </ac:spMkLst>
        </pc:spChg>
        <pc:spChg chg="mod">
          <ac:chgData name="Valentina Facuse" userId="8ac073aa-7feb-47c3-9cf3-f4c37dd140ee" providerId="ADAL" clId="{952DC8EC-DDCB-44ED-9743-6C061AD7F330}" dt="2022-05-18T13:12:57.373" v="17" actId="1076"/>
          <ac:spMkLst>
            <pc:docMk/>
            <pc:sldMk cId="1961725314" sldId="633"/>
            <ac:spMk id="21" creationId="{BCE3A839-385F-A450-FF24-62A418167779}"/>
          </ac:spMkLst>
        </pc:spChg>
        <pc:spChg chg="mod">
          <ac:chgData name="Valentina Facuse" userId="8ac073aa-7feb-47c3-9cf3-f4c37dd140ee" providerId="ADAL" clId="{952DC8EC-DDCB-44ED-9743-6C061AD7F330}" dt="2022-05-18T13:12:57.373" v="17" actId="1076"/>
          <ac:spMkLst>
            <pc:docMk/>
            <pc:sldMk cId="1961725314" sldId="633"/>
            <ac:spMk id="23" creationId="{9CA57A03-52E7-62C5-8E11-E6D83986C89E}"/>
          </ac:spMkLst>
        </pc:spChg>
        <pc:spChg chg="mod">
          <ac:chgData name="Valentina Facuse" userId="8ac073aa-7feb-47c3-9cf3-f4c37dd140ee" providerId="ADAL" clId="{952DC8EC-DDCB-44ED-9743-6C061AD7F330}" dt="2022-05-18T13:12:57.373" v="17" actId="1076"/>
          <ac:spMkLst>
            <pc:docMk/>
            <pc:sldMk cId="1961725314" sldId="633"/>
            <ac:spMk id="25" creationId="{9B4A3AD5-9E74-4AA8-3958-B98FAC6D0C47}"/>
          </ac:spMkLst>
        </pc:spChg>
        <pc:spChg chg="mod">
          <ac:chgData name="Valentina Facuse" userId="8ac073aa-7feb-47c3-9cf3-f4c37dd140ee" providerId="ADAL" clId="{952DC8EC-DDCB-44ED-9743-6C061AD7F330}" dt="2022-05-18T13:12:57.373" v="17" actId="1076"/>
          <ac:spMkLst>
            <pc:docMk/>
            <pc:sldMk cId="1961725314" sldId="633"/>
            <ac:spMk id="27" creationId="{A9F02844-C607-03EC-6BD1-A9E24434639B}"/>
          </ac:spMkLst>
        </pc:spChg>
        <pc:spChg chg="mod">
          <ac:chgData name="Valentina Facuse" userId="8ac073aa-7feb-47c3-9cf3-f4c37dd140ee" providerId="ADAL" clId="{952DC8EC-DDCB-44ED-9743-6C061AD7F330}" dt="2022-05-18T13:12:57.373" v="17" actId="1076"/>
          <ac:spMkLst>
            <pc:docMk/>
            <pc:sldMk cId="1961725314" sldId="633"/>
            <ac:spMk id="29" creationId="{E95AFC0F-078D-DFED-8CBF-33A57C5558C7}"/>
          </ac:spMkLst>
        </pc:spChg>
        <pc:spChg chg="mod">
          <ac:chgData name="Valentina Facuse" userId="8ac073aa-7feb-47c3-9cf3-f4c37dd140ee" providerId="ADAL" clId="{952DC8EC-DDCB-44ED-9743-6C061AD7F330}" dt="2022-05-18T13:12:57.373" v="17" actId="1076"/>
          <ac:spMkLst>
            <pc:docMk/>
            <pc:sldMk cId="1961725314" sldId="633"/>
            <ac:spMk id="31" creationId="{03AF5DF2-495A-A4D8-5575-04D466D08F39}"/>
          </ac:spMkLst>
        </pc:spChg>
        <pc:spChg chg="mod">
          <ac:chgData name="Valentina Facuse" userId="8ac073aa-7feb-47c3-9cf3-f4c37dd140ee" providerId="ADAL" clId="{952DC8EC-DDCB-44ED-9743-6C061AD7F330}" dt="2022-05-18T13:12:57.373" v="17" actId="1076"/>
          <ac:spMkLst>
            <pc:docMk/>
            <pc:sldMk cId="1961725314" sldId="633"/>
            <ac:spMk id="33" creationId="{0980C893-A4A3-E8FE-7850-1CA62219422D}"/>
          </ac:spMkLst>
        </pc:spChg>
        <pc:spChg chg="mod">
          <ac:chgData name="Valentina Facuse" userId="8ac073aa-7feb-47c3-9cf3-f4c37dd140ee" providerId="ADAL" clId="{952DC8EC-DDCB-44ED-9743-6C061AD7F330}" dt="2022-05-18T13:12:57.373" v="17" actId="1076"/>
          <ac:spMkLst>
            <pc:docMk/>
            <pc:sldMk cId="1961725314" sldId="633"/>
            <ac:spMk id="35" creationId="{47F4863C-ABD3-87E0-188D-5FCA7B9D66A2}"/>
          </ac:spMkLst>
        </pc:spChg>
        <pc:spChg chg="mod">
          <ac:chgData name="Valentina Facuse" userId="8ac073aa-7feb-47c3-9cf3-f4c37dd140ee" providerId="ADAL" clId="{952DC8EC-DDCB-44ED-9743-6C061AD7F330}" dt="2022-05-18T13:12:57.373" v="17" actId="1076"/>
          <ac:spMkLst>
            <pc:docMk/>
            <pc:sldMk cId="1961725314" sldId="633"/>
            <ac:spMk id="37" creationId="{48CB7310-F1A3-FAA7-A63B-62847B237A39}"/>
          </ac:spMkLst>
        </pc:spChg>
        <pc:spChg chg="mod">
          <ac:chgData name="Valentina Facuse" userId="8ac073aa-7feb-47c3-9cf3-f4c37dd140ee" providerId="ADAL" clId="{952DC8EC-DDCB-44ED-9743-6C061AD7F330}" dt="2022-05-18T13:12:57.373" v="17" actId="1076"/>
          <ac:spMkLst>
            <pc:docMk/>
            <pc:sldMk cId="1961725314" sldId="633"/>
            <ac:spMk id="39" creationId="{4340AF50-92B8-D453-3E6A-C2B253E6652F}"/>
          </ac:spMkLst>
        </pc:spChg>
        <pc:spChg chg="mod">
          <ac:chgData name="Valentina Facuse" userId="8ac073aa-7feb-47c3-9cf3-f4c37dd140ee" providerId="ADAL" clId="{952DC8EC-DDCB-44ED-9743-6C061AD7F330}" dt="2022-05-18T13:12:57.373" v="17" actId="1076"/>
          <ac:spMkLst>
            <pc:docMk/>
            <pc:sldMk cId="1961725314" sldId="633"/>
            <ac:spMk id="41" creationId="{42DD5778-4C02-FAC6-55AB-E1626D78E956}"/>
          </ac:spMkLst>
        </pc:spChg>
        <pc:spChg chg="mod">
          <ac:chgData name="Valentina Facuse" userId="8ac073aa-7feb-47c3-9cf3-f4c37dd140ee" providerId="ADAL" clId="{952DC8EC-DDCB-44ED-9743-6C061AD7F330}" dt="2022-05-18T13:12:57.373" v="17" actId="1076"/>
          <ac:spMkLst>
            <pc:docMk/>
            <pc:sldMk cId="1961725314" sldId="633"/>
            <ac:spMk id="43" creationId="{45CB0DA6-C35C-28C9-799C-824D76AAFD74}"/>
          </ac:spMkLst>
        </pc:spChg>
        <pc:spChg chg="mod">
          <ac:chgData name="Valentina Facuse" userId="8ac073aa-7feb-47c3-9cf3-f4c37dd140ee" providerId="ADAL" clId="{952DC8EC-DDCB-44ED-9743-6C061AD7F330}" dt="2022-05-18T13:12:57.373" v="17" actId="1076"/>
          <ac:spMkLst>
            <pc:docMk/>
            <pc:sldMk cId="1961725314" sldId="633"/>
            <ac:spMk id="44" creationId="{EAACA772-DA40-05EB-672B-AB0E4A3DDAA7}"/>
          </ac:spMkLst>
        </pc:spChg>
        <pc:spChg chg="mod">
          <ac:chgData name="Valentina Facuse" userId="8ac073aa-7feb-47c3-9cf3-f4c37dd140ee" providerId="ADAL" clId="{952DC8EC-DDCB-44ED-9743-6C061AD7F330}" dt="2022-05-18T13:12:57.373" v="17" actId="1076"/>
          <ac:spMkLst>
            <pc:docMk/>
            <pc:sldMk cId="1961725314" sldId="633"/>
            <ac:spMk id="45" creationId="{173535F2-5523-F112-15B0-0F9AF4D207B8}"/>
          </ac:spMkLst>
        </pc:spChg>
        <pc:spChg chg="mod">
          <ac:chgData name="Valentina Facuse" userId="8ac073aa-7feb-47c3-9cf3-f4c37dd140ee" providerId="ADAL" clId="{952DC8EC-DDCB-44ED-9743-6C061AD7F330}" dt="2022-05-18T13:12:57.373" v="17" actId="1076"/>
          <ac:spMkLst>
            <pc:docMk/>
            <pc:sldMk cId="1961725314" sldId="633"/>
            <ac:spMk id="46" creationId="{6FCF0E01-1D30-F3D7-F686-DBD191D53DA0}"/>
          </ac:spMkLst>
        </pc:spChg>
        <pc:spChg chg="mod">
          <ac:chgData name="Valentina Facuse" userId="8ac073aa-7feb-47c3-9cf3-f4c37dd140ee" providerId="ADAL" clId="{952DC8EC-DDCB-44ED-9743-6C061AD7F330}" dt="2022-05-18T13:12:57.373" v="17" actId="1076"/>
          <ac:spMkLst>
            <pc:docMk/>
            <pc:sldMk cId="1961725314" sldId="633"/>
            <ac:spMk id="47" creationId="{E489DB9D-BE99-D84C-FD67-66706DB8AACF}"/>
          </ac:spMkLst>
        </pc:spChg>
        <pc:spChg chg="mod">
          <ac:chgData name="Valentina Facuse" userId="8ac073aa-7feb-47c3-9cf3-f4c37dd140ee" providerId="ADAL" clId="{952DC8EC-DDCB-44ED-9743-6C061AD7F330}" dt="2022-05-18T13:12:57.373" v="17" actId="1076"/>
          <ac:spMkLst>
            <pc:docMk/>
            <pc:sldMk cId="1961725314" sldId="633"/>
            <ac:spMk id="48" creationId="{65E2E44E-77D0-6D49-BF4D-94D2838F80C3}"/>
          </ac:spMkLst>
        </pc:spChg>
        <pc:spChg chg="mod">
          <ac:chgData name="Valentina Facuse" userId="8ac073aa-7feb-47c3-9cf3-f4c37dd140ee" providerId="ADAL" clId="{952DC8EC-DDCB-44ED-9743-6C061AD7F330}" dt="2022-05-18T13:12:57.373" v="17" actId="1076"/>
          <ac:spMkLst>
            <pc:docMk/>
            <pc:sldMk cId="1961725314" sldId="633"/>
            <ac:spMk id="49" creationId="{91089FE7-2619-3047-B634-1F2973735E2D}"/>
          </ac:spMkLst>
        </pc:spChg>
        <pc:spChg chg="mod">
          <ac:chgData name="Valentina Facuse" userId="8ac073aa-7feb-47c3-9cf3-f4c37dd140ee" providerId="ADAL" clId="{952DC8EC-DDCB-44ED-9743-6C061AD7F330}" dt="2022-05-18T13:12:57.373" v="17" actId="1076"/>
          <ac:spMkLst>
            <pc:docMk/>
            <pc:sldMk cId="1961725314" sldId="633"/>
            <ac:spMk id="50" creationId="{F10CF12E-4C71-D3FB-5531-00C1C842DA80}"/>
          </ac:spMkLst>
        </pc:spChg>
        <pc:spChg chg="mod">
          <ac:chgData name="Valentina Facuse" userId="8ac073aa-7feb-47c3-9cf3-f4c37dd140ee" providerId="ADAL" clId="{952DC8EC-DDCB-44ED-9743-6C061AD7F330}" dt="2022-05-18T13:12:57.373" v="17" actId="1076"/>
          <ac:spMkLst>
            <pc:docMk/>
            <pc:sldMk cId="1961725314" sldId="633"/>
            <ac:spMk id="51" creationId="{74C69FF7-40F2-3AD9-E382-0A80C137A111}"/>
          </ac:spMkLst>
        </pc:spChg>
        <pc:spChg chg="mod">
          <ac:chgData name="Valentina Facuse" userId="8ac073aa-7feb-47c3-9cf3-f4c37dd140ee" providerId="ADAL" clId="{952DC8EC-DDCB-44ED-9743-6C061AD7F330}" dt="2022-05-18T13:12:57.373" v="17" actId="1076"/>
          <ac:spMkLst>
            <pc:docMk/>
            <pc:sldMk cId="1961725314" sldId="633"/>
            <ac:spMk id="52" creationId="{CF8B7075-C155-0594-DD83-F04AD39838D6}"/>
          </ac:spMkLst>
        </pc:spChg>
        <pc:spChg chg="mod">
          <ac:chgData name="Valentina Facuse" userId="8ac073aa-7feb-47c3-9cf3-f4c37dd140ee" providerId="ADAL" clId="{952DC8EC-DDCB-44ED-9743-6C061AD7F330}" dt="2022-05-18T13:12:57.373" v="17" actId="1076"/>
          <ac:spMkLst>
            <pc:docMk/>
            <pc:sldMk cId="1961725314" sldId="633"/>
            <ac:spMk id="53" creationId="{C00BABCC-330B-303A-5D61-1E23C79E9617}"/>
          </ac:spMkLst>
        </pc:spChg>
        <pc:spChg chg="mod">
          <ac:chgData name="Valentina Facuse" userId="8ac073aa-7feb-47c3-9cf3-f4c37dd140ee" providerId="ADAL" clId="{952DC8EC-DDCB-44ED-9743-6C061AD7F330}" dt="2022-05-18T13:12:57.373" v="17" actId="1076"/>
          <ac:spMkLst>
            <pc:docMk/>
            <pc:sldMk cId="1961725314" sldId="633"/>
            <ac:spMk id="54" creationId="{5C3147FA-4CD2-A289-3FAE-05E2C7C3D82B}"/>
          </ac:spMkLst>
        </pc:spChg>
        <pc:spChg chg="mod">
          <ac:chgData name="Valentina Facuse" userId="8ac073aa-7feb-47c3-9cf3-f4c37dd140ee" providerId="ADAL" clId="{952DC8EC-DDCB-44ED-9743-6C061AD7F330}" dt="2022-05-18T13:12:57.373" v="17" actId="1076"/>
          <ac:spMkLst>
            <pc:docMk/>
            <pc:sldMk cId="1961725314" sldId="633"/>
            <ac:spMk id="55" creationId="{D5EA59EF-C92B-EC39-C912-E5878C2A8626}"/>
          </ac:spMkLst>
        </pc:spChg>
        <pc:spChg chg="mod">
          <ac:chgData name="Valentina Facuse" userId="8ac073aa-7feb-47c3-9cf3-f4c37dd140ee" providerId="ADAL" clId="{952DC8EC-DDCB-44ED-9743-6C061AD7F330}" dt="2022-05-18T13:14:17.250" v="23" actId="1076"/>
          <ac:spMkLst>
            <pc:docMk/>
            <pc:sldMk cId="1961725314" sldId="633"/>
            <ac:spMk id="56" creationId="{1A2BE491-2DF3-8C2C-072A-2D9692E4217F}"/>
          </ac:spMkLst>
        </pc:spChg>
        <pc:spChg chg="mod">
          <ac:chgData name="Valentina Facuse" userId="8ac073aa-7feb-47c3-9cf3-f4c37dd140ee" providerId="ADAL" clId="{952DC8EC-DDCB-44ED-9743-6C061AD7F330}" dt="2022-05-18T13:14:26.673" v="24" actId="1076"/>
          <ac:spMkLst>
            <pc:docMk/>
            <pc:sldMk cId="1961725314" sldId="633"/>
            <ac:spMk id="57" creationId="{3FD48411-D58C-3A99-EAC3-54DD8281064D}"/>
          </ac:spMkLst>
        </pc:spChg>
        <pc:spChg chg="mod">
          <ac:chgData name="Valentina Facuse" userId="8ac073aa-7feb-47c3-9cf3-f4c37dd140ee" providerId="ADAL" clId="{952DC8EC-DDCB-44ED-9743-6C061AD7F330}" dt="2022-05-18T13:12:57.373" v="17" actId="1076"/>
          <ac:spMkLst>
            <pc:docMk/>
            <pc:sldMk cId="1961725314" sldId="633"/>
            <ac:spMk id="58" creationId="{1A2811FF-EB72-0DA4-5E0D-539E5692A7BF}"/>
          </ac:spMkLst>
        </pc:spChg>
        <pc:spChg chg="mod">
          <ac:chgData name="Valentina Facuse" userId="8ac073aa-7feb-47c3-9cf3-f4c37dd140ee" providerId="ADAL" clId="{952DC8EC-DDCB-44ED-9743-6C061AD7F330}" dt="2022-05-18T13:12:57.373" v="17" actId="1076"/>
          <ac:spMkLst>
            <pc:docMk/>
            <pc:sldMk cId="1961725314" sldId="633"/>
            <ac:spMk id="59" creationId="{059516C6-A9B3-83EA-D096-23B6A420F138}"/>
          </ac:spMkLst>
        </pc:spChg>
        <pc:spChg chg="mod">
          <ac:chgData name="Valentina Facuse" userId="8ac073aa-7feb-47c3-9cf3-f4c37dd140ee" providerId="ADAL" clId="{952DC8EC-DDCB-44ED-9743-6C061AD7F330}" dt="2022-05-18T13:12:57.373" v="17" actId="1076"/>
          <ac:spMkLst>
            <pc:docMk/>
            <pc:sldMk cId="1961725314" sldId="633"/>
            <ac:spMk id="60" creationId="{808105C6-A05F-3744-14FB-C3293EF02F04}"/>
          </ac:spMkLst>
        </pc:spChg>
        <pc:spChg chg="mod">
          <ac:chgData name="Valentina Facuse" userId="8ac073aa-7feb-47c3-9cf3-f4c37dd140ee" providerId="ADAL" clId="{952DC8EC-DDCB-44ED-9743-6C061AD7F330}" dt="2022-05-18T13:12:57.373" v="17" actId="1076"/>
          <ac:spMkLst>
            <pc:docMk/>
            <pc:sldMk cId="1961725314" sldId="633"/>
            <ac:spMk id="61" creationId="{3B67A567-574C-DE41-44C9-15DF00A51DA0}"/>
          </ac:spMkLst>
        </pc:spChg>
        <pc:spChg chg="mod">
          <ac:chgData name="Valentina Facuse" userId="8ac073aa-7feb-47c3-9cf3-f4c37dd140ee" providerId="ADAL" clId="{952DC8EC-DDCB-44ED-9743-6C061AD7F330}" dt="2022-05-18T13:12:57.373" v="17" actId="1076"/>
          <ac:spMkLst>
            <pc:docMk/>
            <pc:sldMk cId="1961725314" sldId="633"/>
            <ac:spMk id="62" creationId="{2C7DBDEB-4E16-A7C7-ABCC-03350337D832}"/>
          </ac:spMkLst>
        </pc:spChg>
        <pc:spChg chg="mod">
          <ac:chgData name="Valentina Facuse" userId="8ac073aa-7feb-47c3-9cf3-f4c37dd140ee" providerId="ADAL" clId="{952DC8EC-DDCB-44ED-9743-6C061AD7F330}" dt="2022-05-18T13:12:57.373" v="17" actId="1076"/>
          <ac:spMkLst>
            <pc:docMk/>
            <pc:sldMk cId="1961725314" sldId="633"/>
            <ac:spMk id="63" creationId="{96B7570C-4C56-46A9-834F-164057927A47}"/>
          </ac:spMkLst>
        </pc:spChg>
        <pc:spChg chg="mod">
          <ac:chgData name="Valentina Facuse" userId="8ac073aa-7feb-47c3-9cf3-f4c37dd140ee" providerId="ADAL" clId="{952DC8EC-DDCB-44ED-9743-6C061AD7F330}" dt="2022-05-18T13:12:57.373" v="17" actId="1076"/>
          <ac:spMkLst>
            <pc:docMk/>
            <pc:sldMk cId="1961725314" sldId="633"/>
            <ac:spMk id="64" creationId="{77729A78-BDB4-BAF7-A24E-250D23A9E559}"/>
          </ac:spMkLst>
        </pc:spChg>
        <pc:spChg chg="mod">
          <ac:chgData name="Valentina Facuse" userId="8ac073aa-7feb-47c3-9cf3-f4c37dd140ee" providerId="ADAL" clId="{952DC8EC-DDCB-44ED-9743-6C061AD7F330}" dt="2022-05-18T13:12:57.373" v="17" actId="1076"/>
          <ac:spMkLst>
            <pc:docMk/>
            <pc:sldMk cId="1961725314" sldId="633"/>
            <ac:spMk id="65" creationId="{21F51A04-2B37-EC97-3BC7-7C75FC40426E}"/>
          </ac:spMkLst>
        </pc:spChg>
        <pc:spChg chg="mod">
          <ac:chgData name="Valentina Facuse" userId="8ac073aa-7feb-47c3-9cf3-f4c37dd140ee" providerId="ADAL" clId="{952DC8EC-DDCB-44ED-9743-6C061AD7F330}" dt="2022-05-18T13:12:57.373" v="17" actId="1076"/>
          <ac:spMkLst>
            <pc:docMk/>
            <pc:sldMk cId="1961725314" sldId="633"/>
            <ac:spMk id="66" creationId="{826E3A99-367D-A3F0-03F9-F1A4D94AD1AC}"/>
          </ac:spMkLst>
        </pc:spChg>
        <pc:spChg chg="mod">
          <ac:chgData name="Valentina Facuse" userId="8ac073aa-7feb-47c3-9cf3-f4c37dd140ee" providerId="ADAL" clId="{952DC8EC-DDCB-44ED-9743-6C061AD7F330}" dt="2022-05-18T13:12:57.373" v="17" actId="1076"/>
          <ac:spMkLst>
            <pc:docMk/>
            <pc:sldMk cId="1961725314" sldId="633"/>
            <ac:spMk id="67" creationId="{9852E038-6224-BF26-E627-108E18BDDEBF}"/>
          </ac:spMkLst>
        </pc:spChg>
        <pc:spChg chg="mod">
          <ac:chgData name="Valentina Facuse" userId="8ac073aa-7feb-47c3-9cf3-f4c37dd140ee" providerId="ADAL" clId="{952DC8EC-DDCB-44ED-9743-6C061AD7F330}" dt="2022-05-18T13:12:57.373" v="17" actId="1076"/>
          <ac:spMkLst>
            <pc:docMk/>
            <pc:sldMk cId="1961725314" sldId="633"/>
            <ac:spMk id="68" creationId="{725C896E-6105-F86A-1C9F-ADC7522B7269}"/>
          </ac:spMkLst>
        </pc:spChg>
        <pc:spChg chg="mod">
          <ac:chgData name="Valentina Facuse" userId="8ac073aa-7feb-47c3-9cf3-f4c37dd140ee" providerId="ADAL" clId="{952DC8EC-DDCB-44ED-9743-6C061AD7F330}" dt="2022-05-18T13:12:57.373" v="17" actId="1076"/>
          <ac:spMkLst>
            <pc:docMk/>
            <pc:sldMk cId="1961725314" sldId="633"/>
            <ac:spMk id="69" creationId="{608445AF-BE76-E698-85AC-5C4F9289EC65}"/>
          </ac:spMkLst>
        </pc:spChg>
        <pc:spChg chg="mod">
          <ac:chgData name="Valentina Facuse" userId="8ac073aa-7feb-47c3-9cf3-f4c37dd140ee" providerId="ADAL" clId="{952DC8EC-DDCB-44ED-9743-6C061AD7F330}" dt="2022-05-18T13:12:57.373" v="17" actId="1076"/>
          <ac:spMkLst>
            <pc:docMk/>
            <pc:sldMk cId="1961725314" sldId="633"/>
            <ac:spMk id="70" creationId="{9C3D88B7-F5CC-513D-5F90-9C5819CE32C7}"/>
          </ac:spMkLst>
        </pc:spChg>
        <pc:spChg chg="mod">
          <ac:chgData name="Valentina Facuse" userId="8ac073aa-7feb-47c3-9cf3-f4c37dd140ee" providerId="ADAL" clId="{952DC8EC-DDCB-44ED-9743-6C061AD7F330}" dt="2022-05-18T13:12:57.373" v="17" actId="1076"/>
          <ac:spMkLst>
            <pc:docMk/>
            <pc:sldMk cId="1961725314" sldId="633"/>
            <ac:spMk id="71" creationId="{77C9FE11-5BF5-ABF5-41F5-2F35C5BD62F1}"/>
          </ac:spMkLst>
        </pc:spChg>
        <pc:spChg chg="mod">
          <ac:chgData name="Valentina Facuse" userId="8ac073aa-7feb-47c3-9cf3-f4c37dd140ee" providerId="ADAL" clId="{952DC8EC-DDCB-44ED-9743-6C061AD7F330}" dt="2022-05-18T13:12:57.373" v="17" actId="1076"/>
          <ac:spMkLst>
            <pc:docMk/>
            <pc:sldMk cId="1961725314" sldId="633"/>
            <ac:spMk id="72" creationId="{149D8F2F-3C79-D2B8-C182-741778F5912E}"/>
          </ac:spMkLst>
        </pc:spChg>
        <pc:spChg chg="mod">
          <ac:chgData name="Valentina Facuse" userId="8ac073aa-7feb-47c3-9cf3-f4c37dd140ee" providerId="ADAL" clId="{952DC8EC-DDCB-44ED-9743-6C061AD7F330}" dt="2022-05-18T13:12:57.373" v="17" actId="1076"/>
          <ac:spMkLst>
            <pc:docMk/>
            <pc:sldMk cId="1961725314" sldId="633"/>
            <ac:spMk id="73" creationId="{3B557EFC-1AAF-0AD5-DE5F-0D28D7DF2B10}"/>
          </ac:spMkLst>
        </pc:spChg>
        <pc:spChg chg="mod">
          <ac:chgData name="Valentina Facuse" userId="8ac073aa-7feb-47c3-9cf3-f4c37dd140ee" providerId="ADAL" clId="{952DC8EC-DDCB-44ED-9743-6C061AD7F330}" dt="2022-05-18T13:12:57.373" v="17" actId="1076"/>
          <ac:spMkLst>
            <pc:docMk/>
            <pc:sldMk cId="1961725314" sldId="633"/>
            <ac:spMk id="74" creationId="{62B40F9A-839D-2DF2-4EC3-7D219129BA87}"/>
          </ac:spMkLst>
        </pc:spChg>
        <pc:spChg chg="mod">
          <ac:chgData name="Valentina Facuse" userId="8ac073aa-7feb-47c3-9cf3-f4c37dd140ee" providerId="ADAL" clId="{952DC8EC-DDCB-44ED-9743-6C061AD7F330}" dt="2022-05-18T13:12:57.373" v="17" actId="1076"/>
          <ac:spMkLst>
            <pc:docMk/>
            <pc:sldMk cId="1961725314" sldId="633"/>
            <ac:spMk id="75" creationId="{66BF0D74-285E-36B1-5163-7860061FFE9A}"/>
          </ac:spMkLst>
        </pc:spChg>
        <pc:spChg chg="mod">
          <ac:chgData name="Valentina Facuse" userId="8ac073aa-7feb-47c3-9cf3-f4c37dd140ee" providerId="ADAL" clId="{952DC8EC-DDCB-44ED-9743-6C061AD7F330}" dt="2022-05-18T13:12:57.373" v="17" actId="1076"/>
          <ac:spMkLst>
            <pc:docMk/>
            <pc:sldMk cId="1961725314" sldId="633"/>
            <ac:spMk id="76" creationId="{DD934F54-62B5-CC3A-D614-30EDB765F34A}"/>
          </ac:spMkLst>
        </pc:spChg>
        <pc:spChg chg="mod">
          <ac:chgData name="Valentina Facuse" userId="8ac073aa-7feb-47c3-9cf3-f4c37dd140ee" providerId="ADAL" clId="{952DC8EC-DDCB-44ED-9743-6C061AD7F330}" dt="2022-05-18T13:12:57.373" v="17" actId="1076"/>
          <ac:spMkLst>
            <pc:docMk/>
            <pc:sldMk cId="1961725314" sldId="633"/>
            <ac:spMk id="77" creationId="{09B7D100-B8F2-569E-1438-B68C8C4295FE}"/>
          </ac:spMkLst>
        </pc:spChg>
        <pc:spChg chg="mod">
          <ac:chgData name="Valentina Facuse" userId="8ac073aa-7feb-47c3-9cf3-f4c37dd140ee" providerId="ADAL" clId="{952DC8EC-DDCB-44ED-9743-6C061AD7F330}" dt="2022-05-18T13:12:57.373" v="17" actId="1076"/>
          <ac:spMkLst>
            <pc:docMk/>
            <pc:sldMk cId="1961725314" sldId="633"/>
            <ac:spMk id="78" creationId="{492703CF-3145-193C-BAD7-96ED2C41B8C1}"/>
          </ac:spMkLst>
        </pc:spChg>
        <pc:spChg chg="mod">
          <ac:chgData name="Valentina Facuse" userId="8ac073aa-7feb-47c3-9cf3-f4c37dd140ee" providerId="ADAL" clId="{952DC8EC-DDCB-44ED-9743-6C061AD7F330}" dt="2022-05-18T13:12:57.373" v="17" actId="1076"/>
          <ac:spMkLst>
            <pc:docMk/>
            <pc:sldMk cId="1961725314" sldId="633"/>
            <ac:spMk id="79" creationId="{B2E7526D-86C5-38BD-50BA-E9D836ACE14C}"/>
          </ac:spMkLst>
        </pc:spChg>
        <pc:spChg chg="mod">
          <ac:chgData name="Valentina Facuse" userId="8ac073aa-7feb-47c3-9cf3-f4c37dd140ee" providerId="ADAL" clId="{952DC8EC-DDCB-44ED-9743-6C061AD7F330}" dt="2022-05-18T13:12:57.373" v="17" actId="1076"/>
          <ac:spMkLst>
            <pc:docMk/>
            <pc:sldMk cId="1961725314" sldId="633"/>
            <ac:spMk id="80" creationId="{020E837E-22E4-EF17-E80B-9F646B48C103}"/>
          </ac:spMkLst>
        </pc:spChg>
        <pc:spChg chg="mod">
          <ac:chgData name="Valentina Facuse" userId="8ac073aa-7feb-47c3-9cf3-f4c37dd140ee" providerId="ADAL" clId="{952DC8EC-DDCB-44ED-9743-6C061AD7F330}" dt="2022-05-18T13:12:57.373" v="17" actId="1076"/>
          <ac:spMkLst>
            <pc:docMk/>
            <pc:sldMk cId="1961725314" sldId="633"/>
            <ac:spMk id="81" creationId="{5DD6D4FD-8722-4CB2-26DF-5CD6FD1151AC}"/>
          </ac:spMkLst>
        </pc:spChg>
        <pc:spChg chg="mod">
          <ac:chgData name="Valentina Facuse" userId="8ac073aa-7feb-47c3-9cf3-f4c37dd140ee" providerId="ADAL" clId="{952DC8EC-DDCB-44ED-9743-6C061AD7F330}" dt="2022-05-18T13:12:57.373" v="17" actId="1076"/>
          <ac:spMkLst>
            <pc:docMk/>
            <pc:sldMk cId="1961725314" sldId="633"/>
            <ac:spMk id="82" creationId="{52CF0B62-103D-C82B-A391-BA9C8964EB8B}"/>
          </ac:spMkLst>
        </pc:spChg>
        <pc:spChg chg="mod">
          <ac:chgData name="Valentina Facuse" userId="8ac073aa-7feb-47c3-9cf3-f4c37dd140ee" providerId="ADAL" clId="{952DC8EC-DDCB-44ED-9743-6C061AD7F330}" dt="2022-05-18T13:12:57.373" v="17" actId="1076"/>
          <ac:spMkLst>
            <pc:docMk/>
            <pc:sldMk cId="1961725314" sldId="633"/>
            <ac:spMk id="83" creationId="{E7E71574-EFD3-58F4-BEA4-F8DEE6730787}"/>
          </ac:spMkLst>
        </pc:spChg>
        <pc:spChg chg="mod">
          <ac:chgData name="Valentina Facuse" userId="8ac073aa-7feb-47c3-9cf3-f4c37dd140ee" providerId="ADAL" clId="{952DC8EC-DDCB-44ED-9743-6C061AD7F330}" dt="2022-05-18T13:12:57.373" v="17" actId="1076"/>
          <ac:spMkLst>
            <pc:docMk/>
            <pc:sldMk cId="1961725314" sldId="633"/>
            <ac:spMk id="84" creationId="{1957E7CD-A156-FC6E-D6A2-93F7A8EE778E}"/>
          </ac:spMkLst>
        </pc:spChg>
        <pc:spChg chg="mod">
          <ac:chgData name="Valentina Facuse" userId="8ac073aa-7feb-47c3-9cf3-f4c37dd140ee" providerId="ADAL" clId="{952DC8EC-DDCB-44ED-9743-6C061AD7F330}" dt="2022-05-18T13:12:57.373" v="17" actId="1076"/>
          <ac:spMkLst>
            <pc:docMk/>
            <pc:sldMk cId="1961725314" sldId="633"/>
            <ac:spMk id="85" creationId="{3C4E48F6-F502-A8CF-BAD7-B9806BCF9AED}"/>
          </ac:spMkLst>
        </pc:spChg>
        <pc:spChg chg="mod">
          <ac:chgData name="Valentina Facuse" userId="8ac073aa-7feb-47c3-9cf3-f4c37dd140ee" providerId="ADAL" clId="{952DC8EC-DDCB-44ED-9743-6C061AD7F330}" dt="2022-05-18T13:12:57.373" v="17" actId="1076"/>
          <ac:spMkLst>
            <pc:docMk/>
            <pc:sldMk cId="1961725314" sldId="633"/>
            <ac:spMk id="86" creationId="{6D21891A-E516-F4D9-60B8-00BD4ED2BB28}"/>
          </ac:spMkLst>
        </pc:spChg>
        <pc:spChg chg="mod">
          <ac:chgData name="Valentina Facuse" userId="8ac073aa-7feb-47c3-9cf3-f4c37dd140ee" providerId="ADAL" clId="{952DC8EC-DDCB-44ED-9743-6C061AD7F330}" dt="2022-05-18T13:12:57.373" v="17" actId="1076"/>
          <ac:spMkLst>
            <pc:docMk/>
            <pc:sldMk cId="1961725314" sldId="633"/>
            <ac:spMk id="87" creationId="{7F9F258B-1748-26CB-9C38-12FA398CF6DB}"/>
          </ac:spMkLst>
        </pc:spChg>
        <pc:spChg chg="mod">
          <ac:chgData name="Valentina Facuse" userId="8ac073aa-7feb-47c3-9cf3-f4c37dd140ee" providerId="ADAL" clId="{952DC8EC-DDCB-44ED-9743-6C061AD7F330}" dt="2022-05-18T13:12:57.373" v="17" actId="1076"/>
          <ac:spMkLst>
            <pc:docMk/>
            <pc:sldMk cId="1961725314" sldId="633"/>
            <ac:spMk id="88" creationId="{E5A8783E-2964-D66E-24FE-DB8A32D55C5C}"/>
          </ac:spMkLst>
        </pc:spChg>
        <pc:spChg chg="mod">
          <ac:chgData name="Valentina Facuse" userId="8ac073aa-7feb-47c3-9cf3-f4c37dd140ee" providerId="ADAL" clId="{952DC8EC-DDCB-44ED-9743-6C061AD7F330}" dt="2022-05-18T13:12:57.373" v="17" actId="1076"/>
          <ac:spMkLst>
            <pc:docMk/>
            <pc:sldMk cId="1961725314" sldId="633"/>
            <ac:spMk id="89" creationId="{BB9DA287-675E-F4DA-A044-3C3D837EA3D9}"/>
          </ac:spMkLst>
        </pc:spChg>
        <pc:spChg chg="add mod">
          <ac:chgData name="Valentina Facuse" userId="8ac073aa-7feb-47c3-9cf3-f4c37dd140ee" providerId="ADAL" clId="{952DC8EC-DDCB-44ED-9743-6C061AD7F330}" dt="2022-05-18T13:13:05.454" v="18" actId="1076"/>
          <ac:spMkLst>
            <pc:docMk/>
            <pc:sldMk cId="1961725314" sldId="633"/>
            <ac:spMk id="90" creationId="{FD8A5581-81C5-3BCE-7E56-F2D312DA3A93}"/>
          </ac:spMkLst>
        </pc:spChg>
        <pc:spChg chg="mod">
          <ac:chgData name="Valentina Facuse" userId="8ac073aa-7feb-47c3-9cf3-f4c37dd140ee" providerId="ADAL" clId="{952DC8EC-DDCB-44ED-9743-6C061AD7F330}" dt="2022-05-18T13:13:40.840" v="20" actId="1076"/>
          <ac:spMkLst>
            <pc:docMk/>
            <pc:sldMk cId="1961725314" sldId="633"/>
            <ac:spMk id="171" creationId="{B07C4FA5-4BA6-78DE-6FF8-FE380D751936}"/>
          </ac:spMkLst>
        </pc:spChg>
        <pc:grpChg chg="mod">
          <ac:chgData name="Valentina Facuse" userId="8ac073aa-7feb-47c3-9cf3-f4c37dd140ee" providerId="ADAL" clId="{952DC8EC-DDCB-44ED-9743-6C061AD7F330}" dt="2022-05-18T13:12:57.373" v="17" actId="1076"/>
          <ac:grpSpMkLst>
            <pc:docMk/>
            <pc:sldMk cId="1961725314" sldId="633"/>
            <ac:grpSpMk id="5" creationId="{26267E67-720C-3492-CE25-23CAD29BDD6B}"/>
          </ac:grpSpMkLst>
        </pc:grpChg>
        <pc:cxnChg chg="mod">
          <ac:chgData name="Valentina Facuse" userId="8ac073aa-7feb-47c3-9cf3-f4c37dd140ee" providerId="ADAL" clId="{952DC8EC-DDCB-44ED-9743-6C061AD7F330}" dt="2022-05-18T13:12:57.373" v="17" actId="1076"/>
          <ac:cxnSpMkLst>
            <pc:docMk/>
            <pc:sldMk cId="1961725314" sldId="633"/>
            <ac:cxnSpMk id="6" creationId="{0ACBFB6C-3987-D58D-86B5-F1003DB33033}"/>
          </ac:cxnSpMkLst>
        </pc:cxnChg>
        <pc:cxnChg chg="mod">
          <ac:chgData name="Valentina Facuse" userId="8ac073aa-7feb-47c3-9cf3-f4c37dd140ee" providerId="ADAL" clId="{952DC8EC-DDCB-44ED-9743-6C061AD7F330}" dt="2022-05-18T13:12:57.373" v="17" actId="1076"/>
          <ac:cxnSpMkLst>
            <pc:docMk/>
            <pc:sldMk cId="1961725314" sldId="633"/>
            <ac:cxnSpMk id="7" creationId="{612156A6-1929-2DF1-10E9-E0D68A590591}"/>
          </ac:cxnSpMkLst>
        </pc:cxnChg>
        <pc:cxnChg chg="mod">
          <ac:chgData name="Valentina Facuse" userId="8ac073aa-7feb-47c3-9cf3-f4c37dd140ee" providerId="ADAL" clId="{952DC8EC-DDCB-44ED-9743-6C061AD7F330}" dt="2022-05-18T13:12:57.373" v="17" actId="1076"/>
          <ac:cxnSpMkLst>
            <pc:docMk/>
            <pc:sldMk cId="1961725314" sldId="633"/>
            <ac:cxnSpMk id="8" creationId="{144B9148-BC7A-3282-06DA-9E167D6A5781}"/>
          </ac:cxnSpMkLst>
        </pc:cxnChg>
        <pc:cxnChg chg="mod">
          <ac:chgData name="Valentina Facuse" userId="8ac073aa-7feb-47c3-9cf3-f4c37dd140ee" providerId="ADAL" clId="{952DC8EC-DDCB-44ED-9743-6C061AD7F330}" dt="2022-05-18T13:12:57.373" v="17" actId="1076"/>
          <ac:cxnSpMkLst>
            <pc:docMk/>
            <pc:sldMk cId="1961725314" sldId="633"/>
            <ac:cxnSpMk id="9" creationId="{21666F53-4069-DC7C-46ED-00B4949AD305}"/>
          </ac:cxnSpMkLst>
        </pc:cxnChg>
        <pc:cxnChg chg="mod">
          <ac:chgData name="Valentina Facuse" userId="8ac073aa-7feb-47c3-9cf3-f4c37dd140ee" providerId="ADAL" clId="{952DC8EC-DDCB-44ED-9743-6C061AD7F330}" dt="2022-05-18T13:12:57.373" v="17" actId="1076"/>
          <ac:cxnSpMkLst>
            <pc:docMk/>
            <pc:sldMk cId="1961725314" sldId="633"/>
            <ac:cxnSpMk id="10" creationId="{D283A1AB-4B7E-FC61-98CE-C4E270CF1116}"/>
          </ac:cxnSpMkLst>
        </pc:cxnChg>
        <pc:cxnChg chg="mod">
          <ac:chgData name="Valentina Facuse" userId="8ac073aa-7feb-47c3-9cf3-f4c37dd140ee" providerId="ADAL" clId="{952DC8EC-DDCB-44ED-9743-6C061AD7F330}" dt="2022-05-18T13:12:57.373" v="17" actId="1076"/>
          <ac:cxnSpMkLst>
            <pc:docMk/>
            <pc:sldMk cId="1961725314" sldId="633"/>
            <ac:cxnSpMk id="11" creationId="{E06AB7F9-36BE-E5E7-8DD3-9A627DEBD593}"/>
          </ac:cxnSpMkLst>
        </pc:cxnChg>
        <pc:cxnChg chg="mod">
          <ac:chgData name="Valentina Facuse" userId="8ac073aa-7feb-47c3-9cf3-f4c37dd140ee" providerId="ADAL" clId="{952DC8EC-DDCB-44ED-9743-6C061AD7F330}" dt="2022-05-18T13:12:57.373" v="17" actId="1076"/>
          <ac:cxnSpMkLst>
            <pc:docMk/>
            <pc:sldMk cId="1961725314" sldId="633"/>
            <ac:cxnSpMk id="13" creationId="{33CC0CB8-C641-6C1D-F914-58C2B69572D2}"/>
          </ac:cxnSpMkLst>
        </pc:cxnChg>
        <pc:cxnChg chg="mod">
          <ac:chgData name="Valentina Facuse" userId="8ac073aa-7feb-47c3-9cf3-f4c37dd140ee" providerId="ADAL" clId="{952DC8EC-DDCB-44ED-9743-6C061AD7F330}" dt="2022-05-18T13:12:57.373" v="17" actId="1076"/>
          <ac:cxnSpMkLst>
            <pc:docMk/>
            <pc:sldMk cId="1961725314" sldId="633"/>
            <ac:cxnSpMk id="14" creationId="{7B9D0FCF-D7B3-C343-7D24-0CD9CE803DD7}"/>
          </ac:cxnSpMkLst>
        </pc:cxnChg>
        <pc:cxnChg chg="mod">
          <ac:chgData name="Valentina Facuse" userId="8ac073aa-7feb-47c3-9cf3-f4c37dd140ee" providerId="ADAL" clId="{952DC8EC-DDCB-44ED-9743-6C061AD7F330}" dt="2022-05-18T13:12:57.373" v="17" actId="1076"/>
          <ac:cxnSpMkLst>
            <pc:docMk/>
            <pc:sldMk cId="1961725314" sldId="633"/>
            <ac:cxnSpMk id="15" creationId="{6529BD99-E652-3E3D-3C94-ABEE37D471F3}"/>
          </ac:cxnSpMkLst>
        </pc:cxnChg>
        <pc:cxnChg chg="del mod">
          <ac:chgData name="Valentina Facuse" userId="8ac073aa-7feb-47c3-9cf3-f4c37dd140ee" providerId="ADAL" clId="{952DC8EC-DDCB-44ED-9743-6C061AD7F330}" dt="2022-05-18T13:12:15.382" v="15" actId="478"/>
          <ac:cxnSpMkLst>
            <pc:docMk/>
            <pc:sldMk cId="1961725314" sldId="633"/>
            <ac:cxnSpMk id="16" creationId="{DF6B885D-EEDE-5842-46B3-D2A97E019164}"/>
          </ac:cxnSpMkLst>
        </pc:cxnChg>
        <pc:cxnChg chg="del mod">
          <ac:chgData name="Valentina Facuse" userId="8ac073aa-7feb-47c3-9cf3-f4c37dd140ee" providerId="ADAL" clId="{952DC8EC-DDCB-44ED-9743-6C061AD7F330}" dt="2022-05-18T13:12:20.271" v="16" actId="478"/>
          <ac:cxnSpMkLst>
            <pc:docMk/>
            <pc:sldMk cId="1961725314" sldId="633"/>
            <ac:cxnSpMk id="17" creationId="{582A46BE-EB71-31AF-C2B0-C4CDFD7CF477}"/>
          </ac:cxnSpMkLst>
        </pc:cxnChg>
        <pc:cxnChg chg="del mod">
          <ac:chgData name="Valentina Facuse" userId="8ac073aa-7feb-47c3-9cf3-f4c37dd140ee" providerId="ADAL" clId="{952DC8EC-DDCB-44ED-9743-6C061AD7F330}" dt="2022-05-18T13:12:11.761" v="14" actId="478"/>
          <ac:cxnSpMkLst>
            <pc:docMk/>
            <pc:sldMk cId="1961725314" sldId="633"/>
            <ac:cxnSpMk id="18" creationId="{77C62EE9-EC99-6FD7-1AC5-FA369FC739D3}"/>
          </ac:cxnSpMkLst>
        </pc:cxnChg>
        <pc:cxnChg chg="mod">
          <ac:chgData name="Valentina Facuse" userId="8ac073aa-7feb-47c3-9cf3-f4c37dd140ee" providerId="ADAL" clId="{952DC8EC-DDCB-44ED-9743-6C061AD7F330}" dt="2022-05-18T13:12:57.373" v="17" actId="1076"/>
          <ac:cxnSpMkLst>
            <pc:docMk/>
            <pc:sldMk cId="1961725314" sldId="633"/>
            <ac:cxnSpMk id="22" creationId="{042D1BBB-7E82-C696-226E-67C7EC16649F}"/>
          </ac:cxnSpMkLst>
        </pc:cxnChg>
        <pc:cxnChg chg="mod">
          <ac:chgData name="Valentina Facuse" userId="8ac073aa-7feb-47c3-9cf3-f4c37dd140ee" providerId="ADAL" clId="{952DC8EC-DDCB-44ED-9743-6C061AD7F330}" dt="2022-05-18T13:12:57.373" v="17" actId="1076"/>
          <ac:cxnSpMkLst>
            <pc:docMk/>
            <pc:sldMk cId="1961725314" sldId="633"/>
            <ac:cxnSpMk id="24" creationId="{3F529107-A228-9A80-8CA1-BFD28931D0B5}"/>
          </ac:cxnSpMkLst>
        </pc:cxnChg>
        <pc:cxnChg chg="mod">
          <ac:chgData name="Valentina Facuse" userId="8ac073aa-7feb-47c3-9cf3-f4c37dd140ee" providerId="ADAL" clId="{952DC8EC-DDCB-44ED-9743-6C061AD7F330}" dt="2022-05-18T13:12:57.373" v="17" actId="1076"/>
          <ac:cxnSpMkLst>
            <pc:docMk/>
            <pc:sldMk cId="1961725314" sldId="633"/>
            <ac:cxnSpMk id="26" creationId="{E5B2CADC-CF7D-99F0-7E6C-2B38E9102C9D}"/>
          </ac:cxnSpMkLst>
        </pc:cxnChg>
        <pc:cxnChg chg="mod">
          <ac:chgData name="Valentina Facuse" userId="8ac073aa-7feb-47c3-9cf3-f4c37dd140ee" providerId="ADAL" clId="{952DC8EC-DDCB-44ED-9743-6C061AD7F330}" dt="2022-05-18T13:12:57.373" v="17" actId="1076"/>
          <ac:cxnSpMkLst>
            <pc:docMk/>
            <pc:sldMk cId="1961725314" sldId="633"/>
            <ac:cxnSpMk id="28" creationId="{F445C06A-2BBD-F86D-682D-EB814BE8BBB7}"/>
          </ac:cxnSpMkLst>
        </pc:cxnChg>
        <pc:cxnChg chg="mod">
          <ac:chgData name="Valentina Facuse" userId="8ac073aa-7feb-47c3-9cf3-f4c37dd140ee" providerId="ADAL" clId="{952DC8EC-DDCB-44ED-9743-6C061AD7F330}" dt="2022-05-18T13:12:57.373" v="17" actId="1076"/>
          <ac:cxnSpMkLst>
            <pc:docMk/>
            <pc:sldMk cId="1961725314" sldId="633"/>
            <ac:cxnSpMk id="30" creationId="{2F06DE4A-AE87-272A-8BBA-7FC54CD7286C}"/>
          </ac:cxnSpMkLst>
        </pc:cxnChg>
        <pc:cxnChg chg="mod">
          <ac:chgData name="Valentina Facuse" userId="8ac073aa-7feb-47c3-9cf3-f4c37dd140ee" providerId="ADAL" clId="{952DC8EC-DDCB-44ED-9743-6C061AD7F330}" dt="2022-05-18T13:12:57.373" v="17" actId="1076"/>
          <ac:cxnSpMkLst>
            <pc:docMk/>
            <pc:sldMk cId="1961725314" sldId="633"/>
            <ac:cxnSpMk id="32" creationId="{B612B716-896B-0F91-C670-A47B370BB0F9}"/>
          </ac:cxnSpMkLst>
        </pc:cxnChg>
        <pc:cxnChg chg="mod">
          <ac:chgData name="Valentina Facuse" userId="8ac073aa-7feb-47c3-9cf3-f4c37dd140ee" providerId="ADAL" clId="{952DC8EC-DDCB-44ED-9743-6C061AD7F330}" dt="2022-05-18T13:12:57.373" v="17" actId="1076"/>
          <ac:cxnSpMkLst>
            <pc:docMk/>
            <pc:sldMk cId="1961725314" sldId="633"/>
            <ac:cxnSpMk id="34" creationId="{FBE783E8-480D-8EE7-74E6-8A3259C04E9F}"/>
          </ac:cxnSpMkLst>
        </pc:cxnChg>
        <pc:cxnChg chg="mod">
          <ac:chgData name="Valentina Facuse" userId="8ac073aa-7feb-47c3-9cf3-f4c37dd140ee" providerId="ADAL" clId="{952DC8EC-DDCB-44ED-9743-6C061AD7F330}" dt="2022-05-18T13:12:57.373" v="17" actId="1076"/>
          <ac:cxnSpMkLst>
            <pc:docMk/>
            <pc:sldMk cId="1961725314" sldId="633"/>
            <ac:cxnSpMk id="36" creationId="{7585EA54-3AF7-FA42-44C2-6462B5659618}"/>
          </ac:cxnSpMkLst>
        </pc:cxnChg>
        <pc:cxnChg chg="mod">
          <ac:chgData name="Valentina Facuse" userId="8ac073aa-7feb-47c3-9cf3-f4c37dd140ee" providerId="ADAL" clId="{952DC8EC-DDCB-44ED-9743-6C061AD7F330}" dt="2022-05-18T13:12:57.373" v="17" actId="1076"/>
          <ac:cxnSpMkLst>
            <pc:docMk/>
            <pc:sldMk cId="1961725314" sldId="633"/>
            <ac:cxnSpMk id="38" creationId="{64D20F34-4F58-1754-39CD-6F7597B1F49D}"/>
          </ac:cxnSpMkLst>
        </pc:cxnChg>
        <pc:cxnChg chg="mod">
          <ac:chgData name="Valentina Facuse" userId="8ac073aa-7feb-47c3-9cf3-f4c37dd140ee" providerId="ADAL" clId="{952DC8EC-DDCB-44ED-9743-6C061AD7F330}" dt="2022-05-18T13:12:57.373" v="17" actId="1076"/>
          <ac:cxnSpMkLst>
            <pc:docMk/>
            <pc:sldMk cId="1961725314" sldId="633"/>
            <ac:cxnSpMk id="40" creationId="{B57F4B4C-B5E4-F497-68E3-45D618134A86}"/>
          </ac:cxnSpMkLst>
        </pc:cxnChg>
        <pc:cxnChg chg="mod">
          <ac:chgData name="Valentina Facuse" userId="8ac073aa-7feb-47c3-9cf3-f4c37dd140ee" providerId="ADAL" clId="{952DC8EC-DDCB-44ED-9743-6C061AD7F330}" dt="2022-05-18T13:12:57.373" v="17" actId="1076"/>
          <ac:cxnSpMkLst>
            <pc:docMk/>
            <pc:sldMk cId="1961725314" sldId="633"/>
            <ac:cxnSpMk id="42" creationId="{9CBDE48B-4CF3-2EAE-960D-2B7C75B2CDB4}"/>
          </ac:cxnSpMkLst>
        </pc:cxnChg>
      </pc:sldChg>
      <pc:sldChg chg="delSp modSp del mod">
        <pc:chgData name="Valentina Facuse" userId="8ac073aa-7feb-47c3-9cf3-f4c37dd140ee" providerId="ADAL" clId="{952DC8EC-DDCB-44ED-9743-6C061AD7F330}" dt="2022-05-18T14:41:28.305" v="800" actId="2696"/>
        <pc:sldMkLst>
          <pc:docMk/>
          <pc:sldMk cId="4169938905" sldId="635"/>
        </pc:sldMkLst>
        <pc:spChg chg="mod">
          <ac:chgData name="Valentina Facuse" userId="8ac073aa-7feb-47c3-9cf3-f4c37dd140ee" providerId="ADAL" clId="{952DC8EC-DDCB-44ED-9743-6C061AD7F330}" dt="2022-05-18T13:24:40.520" v="76" actId="2711"/>
          <ac:spMkLst>
            <pc:docMk/>
            <pc:sldMk cId="4169938905" sldId="635"/>
            <ac:spMk id="2" creationId="{00000000-0000-0000-0000-000000000000}"/>
          </ac:spMkLst>
        </pc:spChg>
        <pc:spChg chg="mod">
          <ac:chgData name="Valentina Facuse" userId="8ac073aa-7feb-47c3-9cf3-f4c37dd140ee" providerId="ADAL" clId="{952DC8EC-DDCB-44ED-9743-6C061AD7F330}" dt="2022-05-18T13:26:42.204" v="84" actId="1076"/>
          <ac:spMkLst>
            <pc:docMk/>
            <pc:sldMk cId="4169938905" sldId="635"/>
            <ac:spMk id="19" creationId="{B4CBF577-FC10-3329-1304-08FC6558D196}"/>
          </ac:spMkLst>
        </pc:spChg>
        <pc:spChg chg="mod">
          <ac:chgData name="Valentina Facuse" userId="8ac073aa-7feb-47c3-9cf3-f4c37dd140ee" providerId="ADAL" clId="{952DC8EC-DDCB-44ED-9743-6C061AD7F330}" dt="2022-05-18T13:26:42.204" v="84" actId="1076"/>
          <ac:spMkLst>
            <pc:docMk/>
            <pc:sldMk cId="4169938905" sldId="635"/>
            <ac:spMk id="20" creationId="{71C7CC8F-F553-7519-C12C-A6C2414E7736}"/>
          </ac:spMkLst>
        </pc:spChg>
        <pc:spChg chg="mod">
          <ac:chgData name="Valentina Facuse" userId="8ac073aa-7feb-47c3-9cf3-f4c37dd140ee" providerId="ADAL" clId="{952DC8EC-DDCB-44ED-9743-6C061AD7F330}" dt="2022-05-18T13:26:42.204" v="84" actId="1076"/>
          <ac:spMkLst>
            <pc:docMk/>
            <pc:sldMk cId="4169938905" sldId="635"/>
            <ac:spMk id="21" creationId="{BCE3A839-385F-A450-FF24-62A418167779}"/>
          </ac:spMkLst>
        </pc:spChg>
        <pc:spChg chg="mod">
          <ac:chgData name="Valentina Facuse" userId="8ac073aa-7feb-47c3-9cf3-f4c37dd140ee" providerId="ADAL" clId="{952DC8EC-DDCB-44ED-9743-6C061AD7F330}" dt="2022-05-18T13:26:42.204" v="84" actId="1076"/>
          <ac:spMkLst>
            <pc:docMk/>
            <pc:sldMk cId="4169938905" sldId="635"/>
            <ac:spMk id="23" creationId="{9CA57A03-52E7-62C5-8E11-E6D83986C89E}"/>
          </ac:spMkLst>
        </pc:spChg>
        <pc:spChg chg="mod">
          <ac:chgData name="Valentina Facuse" userId="8ac073aa-7feb-47c3-9cf3-f4c37dd140ee" providerId="ADAL" clId="{952DC8EC-DDCB-44ED-9743-6C061AD7F330}" dt="2022-05-18T13:26:42.204" v="84" actId="1076"/>
          <ac:spMkLst>
            <pc:docMk/>
            <pc:sldMk cId="4169938905" sldId="635"/>
            <ac:spMk id="25" creationId="{9B4A3AD5-9E74-4AA8-3958-B98FAC6D0C47}"/>
          </ac:spMkLst>
        </pc:spChg>
        <pc:spChg chg="mod">
          <ac:chgData name="Valentina Facuse" userId="8ac073aa-7feb-47c3-9cf3-f4c37dd140ee" providerId="ADAL" clId="{952DC8EC-DDCB-44ED-9743-6C061AD7F330}" dt="2022-05-18T13:26:42.204" v="84" actId="1076"/>
          <ac:spMkLst>
            <pc:docMk/>
            <pc:sldMk cId="4169938905" sldId="635"/>
            <ac:spMk id="27" creationId="{A9F02844-C607-03EC-6BD1-A9E24434639B}"/>
          </ac:spMkLst>
        </pc:spChg>
        <pc:spChg chg="mod">
          <ac:chgData name="Valentina Facuse" userId="8ac073aa-7feb-47c3-9cf3-f4c37dd140ee" providerId="ADAL" clId="{952DC8EC-DDCB-44ED-9743-6C061AD7F330}" dt="2022-05-18T13:26:42.204" v="84" actId="1076"/>
          <ac:spMkLst>
            <pc:docMk/>
            <pc:sldMk cId="4169938905" sldId="635"/>
            <ac:spMk id="29" creationId="{E95AFC0F-078D-DFED-8CBF-33A57C5558C7}"/>
          </ac:spMkLst>
        </pc:spChg>
        <pc:spChg chg="mod">
          <ac:chgData name="Valentina Facuse" userId="8ac073aa-7feb-47c3-9cf3-f4c37dd140ee" providerId="ADAL" clId="{952DC8EC-DDCB-44ED-9743-6C061AD7F330}" dt="2022-05-18T13:26:42.204" v="84" actId="1076"/>
          <ac:spMkLst>
            <pc:docMk/>
            <pc:sldMk cId="4169938905" sldId="635"/>
            <ac:spMk id="31" creationId="{03AF5DF2-495A-A4D8-5575-04D466D08F39}"/>
          </ac:spMkLst>
        </pc:spChg>
        <pc:spChg chg="mod">
          <ac:chgData name="Valentina Facuse" userId="8ac073aa-7feb-47c3-9cf3-f4c37dd140ee" providerId="ADAL" clId="{952DC8EC-DDCB-44ED-9743-6C061AD7F330}" dt="2022-05-18T13:26:42.204" v="84" actId="1076"/>
          <ac:spMkLst>
            <pc:docMk/>
            <pc:sldMk cId="4169938905" sldId="635"/>
            <ac:spMk id="33" creationId="{0980C893-A4A3-E8FE-7850-1CA62219422D}"/>
          </ac:spMkLst>
        </pc:spChg>
        <pc:spChg chg="mod">
          <ac:chgData name="Valentina Facuse" userId="8ac073aa-7feb-47c3-9cf3-f4c37dd140ee" providerId="ADAL" clId="{952DC8EC-DDCB-44ED-9743-6C061AD7F330}" dt="2022-05-18T13:26:42.204" v="84" actId="1076"/>
          <ac:spMkLst>
            <pc:docMk/>
            <pc:sldMk cId="4169938905" sldId="635"/>
            <ac:spMk id="35" creationId="{47F4863C-ABD3-87E0-188D-5FCA7B9D66A2}"/>
          </ac:spMkLst>
        </pc:spChg>
        <pc:spChg chg="mod">
          <ac:chgData name="Valentina Facuse" userId="8ac073aa-7feb-47c3-9cf3-f4c37dd140ee" providerId="ADAL" clId="{952DC8EC-DDCB-44ED-9743-6C061AD7F330}" dt="2022-05-18T13:26:42.204" v="84" actId="1076"/>
          <ac:spMkLst>
            <pc:docMk/>
            <pc:sldMk cId="4169938905" sldId="635"/>
            <ac:spMk id="37" creationId="{48CB7310-F1A3-FAA7-A63B-62847B237A39}"/>
          </ac:spMkLst>
        </pc:spChg>
        <pc:spChg chg="mod">
          <ac:chgData name="Valentina Facuse" userId="8ac073aa-7feb-47c3-9cf3-f4c37dd140ee" providerId="ADAL" clId="{952DC8EC-DDCB-44ED-9743-6C061AD7F330}" dt="2022-05-18T13:26:42.204" v="84" actId="1076"/>
          <ac:spMkLst>
            <pc:docMk/>
            <pc:sldMk cId="4169938905" sldId="635"/>
            <ac:spMk id="39" creationId="{4340AF50-92B8-D453-3E6A-C2B253E6652F}"/>
          </ac:spMkLst>
        </pc:spChg>
        <pc:spChg chg="mod">
          <ac:chgData name="Valentina Facuse" userId="8ac073aa-7feb-47c3-9cf3-f4c37dd140ee" providerId="ADAL" clId="{952DC8EC-DDCB-44ED-9743-6C061AD7F330}" dt="2022-05-18T13:26:42.204" v="84" actId="1076"/>
          <ac:spMkLst>
            <pc:docMk/>
            <pc:sldMk cId="4169938905" sldId="635"/>
            <ac:spMk id="41" creationId="{42DD5778-4C02-FAC6-55AB-E1626D78E956}"/>
          </ac:spMkLst>
        </pc:spChg>
        <pc:spChg chg="mod">
          <ac:chgData name="Valentina Facuse" userId="8ac073aa-7feb-47c3-9cf3-f4c37dd140ee" providerId="ADAL" clId="{952DC8EC-DDCB-44ED-9743-6C061AD7F330}" dt="2022-05-18T13:26:42.204" v="84" actId="1076"/>
          <ac:spMkLst>
            <pc:docMk/>
            <pc:sldMk cId="4169938905" sldId="635"/>
            <ac:spMk id="43" creationId="{45CB0DA6-C35C-28C9-799C-824D76AAFD74}"/>
          </ac:spMkLst>
        </pc:spChg>
        <pc:spChg chg="mod">
          <ac:chgData name="Valentina Facuse" userId="8ac073aa-7feb-47c3-9cf3-f4c37dd140ee" providerId="ADAL" clId="{952DC8EC-DDCB-44ED-9743-6C061AD7F330}" dt="2022-05-18T13:26:42.204" v="84" actId="1076"/>
          <ac:spMkLst>
            <pc:docMk/>
            <pc:sldMk cId="4169938905" sldId="635"/>
            <ac:spMk id="44" creationId="{EAACA772-DA40-05EB-672B-AB0E4A3DDAA7}"/>
          </ac:spMkLst>
        </pc:spChg>
        <pc:spChg chg="mod">
          <ac:chgData name="Valentina Facuse" userId="8ac073aa-7feb-47c3-9cf3-f4c37dd140ee" providerId="ADAL" clId="{952DC8EC-DDCB-44ED-9743-6C061AD7F330}" dt="2022-05-18T13:26:42.204" v="84" actId="1076"/>
          <ac:spMkLst>
            <pc:docMk/>
            <pc:sldMk cId="4169938905" sldId="635"/>
            <ac:spMk id="45" creationId="{173535F2-5523-F112-15B0-0F9AF4D207B8}"/>
          </ac:spMkLst>
        </pc:spChg>
        <pc:spChg chg="mod">
          <ac:chgData name="Valentina Facuse" userId="8ac073aa-7feb-47c3-9cf3-f4c37dd140ee" providerId="ADAL" clId="{952DC8EC-DDCB-44ED-9743-6C061AD7F330}" dt="2022-05-18T13:26:42.204" v="84" actId="1076"/>
          <ac:spMkLst>
            <pc:docMk/>
            <pc:sldMk cId="4169938905" sldId="635"/>
            <ac:spMk id="46" creationId="{6FCF0E01-1D30-F3D7-F686-DBD191D53DA0}"/>
          </ac:spMkLst>
        </pc:spChg>
        <pc:spChg chg="mod">
          <ac:chgData name="Valentina Facuse" userId="8ac073aa-7feb-47c3-9cf3-f4c37dd140ee" providerId="ADAL" clId="{952DC8EC-DDCB-44ED-9743-6C061AD7F330}" dt="2022-05-18T13:26:42.204" v="84" actId="1076"/>
          <ac:spMkLst>
            <pc:docMk/>
            <pc:sldMk cId="4169938905" sldId="635"/>
            <ac:spMk id="47" creationId="{E489DB9D-BE99-D84C-FD67-66706DB8AACF}"/>
          </ac:spMkLst>
        </pc:spChg>
        <pc:spChg chg="mod">
          <ac:chgData name="Valentina Facuse" userId="8ac073aa-7feb-47c3-9cf3-f4c37dd140ee" providerId="ADAL" clId="{952DC8EC-DDCB-44ED-9743-6C061AD7F330}" dt="2022-05-18T13:26:42.204" v="84" actId="1076"/>
          <ac:spMkLst>
            <pc:docMk/>
            <pc:sldMk cId="4169938905" sldId="635"/>
            <ac:spMk id="48" creationId="{65E2E44E-77D0-6D49-BF4D-94D2838F80C3}"/>
          </ac:spMkLst>
        </pc:spChg>
        <pc:spChg chg="mod">
          <ac:chgData name="Valentina Facuse" userId="8ac073aa-7feb-47c3-9cf3-f4c37dd140ee" providerId="ADAL" clId="{952DC8EC-DDCB-44ED-9743-6C061AD7F330}" dt="2022-05-18T13:26:42.204" v="84" actId="1076"/>
          <ac:spMkLst>
            <pc:docMk/>
            <pc:sldMk cId="4169938905" sldId="635"/>
            <ac:spMk id="49" creationId="{91089FE7-2619-3047-B634-1F2973735E2D}"/>
          </ac:spMkLst>
        </pc:spChg>
        <pc:spChg chg="mod">
          <ac:chgData name="Valentina Facuse" userId="8ac073aa-7feb-47c3-9cf3-f4c37dd140ee" providerId="ADAL" clId="{952DC8EC-DDCB-44ED-9743-6C061AD7F330}" dt="2022-05-18T13:26:42.204" v="84" actId="1076"/>
          <ac:spMkLst>
            <pc:docMk/>
            <pc:sldMk cId="4169938905" sldId="635"/>
            <ac:spMk id="50" creationId="{F10CF12E-4C71-D3FB-5531-00C1C842DA80}"/>
          </ac:spMkLst>
        </pc:spChg>
        <pc:spChg chg="mod">
          <ac:chgData name="Valentina Facuse" userId="8ac073aa-7feb-47c3-9cf3-f4c37dd140ee" providerId="ADAL" clId="{952DC8EC-DDCB-44ED-9743-6C061AD7F330}" dt="2022-05-18T13:26:42.204" v="84" actId="1076"/>
          <ac:spMkLst>
            <pc:docMk/>
            <pc:sldMk cId="4169938905" sldId="635"/>
            <ac:spMk id="51" creationId="{74C69FF7-40F2-3AD9-E382-0A80C137A111}"/>
          </ac:spMkLst>
        </pc:spChg>
        <pc:spChg chg="mod">
          <ac:chgData name="Valentina Facuse" userId="8ac073aa-7feb-47c3-9cf3-f4c37dd140ee" providerId="ADAL" clId="{952DC8EC-DDCB-44ED-9743-6C061AD7F330}" dt="2022-05-18T13:26:42.204" v="84" actId="1076"/>
          <ac:spMkLst>
            <pc:docMk/>
            <pc:sldMk cId="4169938905" sldId="635"/>
            <ac:spMk id="52" creationId="{CF8B7075-C155-0594-DD83-F04AD39838D6}"/>
          </ac:spMkLst>
        </pc:spChg>
        <pc:spChg chg="mod">
          <ac:chgData name="Valentina Facuse" userId="8ac073aa-7feb-47c3-9cf3-f4c37dd140ee" providerId="ADAL" clId="{952DC8EC-DDCB-44ED-9743-6C061AD7F330}" dt="2022-05-18T13:26:42.204" v="84" actId="1076"/>
          <ac:spMkLst>
            <pc:docMk/>
            <pc:sldMk cId="4169938905" sldId="635"/>
            <ac:spMk id="53" creationId="{C00BABCC-330B-303A-5D61-1E23C79E9617}"/>
          </ac:spMkLst>
        </pc:spChg>
        <pc:spChg chg="mod">
          <ac:chgData name="Valentina Facuse" userId="8ac073aa-7feb-47c3-9cf3-f4c37dd140ee" providerId="ADAL" clId="{952DC8EC-DDCB-44ED-9743-6C061AD7F330}" dt="2022-05-18T13:26:42.204" v="84" actId="1076"/>
          <ac:spMkLst>
            <pc:docMk/>
            <pc:sldMk cId="4169938905" sldId="635"/>
            <ac:spMk id="54" creationId="{5C3147FA-4CD2-A289-3FAE-05E2C7C3D82B}"/>
          </ac:spMkLst>
        </pc:spChg>
        <pc:spChg chg="mod">
          <ac:chgData name="Valentina Facuse" userId="8ac073aa-7feb-47c3-9cf3-f4c37dd140ee" providerId="ADAL" clId="{952DC8EC-DDCB-44ED-9743-6C061AD7F330}" dt="2022-05-18T13:26:42.204" v="84" actId="1076"/>
          <ac:spMkLst>
            <pc:docMk/>
            <pc:sldMk cId="4169938905" sldId="635"/>
            <ac:spMk id="55" creationId="{D5EA59EF-C92B-EC39-C912-E5878C2A8626}"/>
          </ac:spMkLst>
        </pc:spChg>
        <pc:spChg chg="mod">
          <ac:chgData name="Valentina Facuse" userId="8ac073aa-7feb-47c3-9cf3-f4c37dd140ee" providerId="ADAL" clId="{952DC8EC-DDCB-44ED-9743-6C061AD7F330}" dt="2022-05-18T13:26:42.204" v="84" actId="1076"/>
          <ac:spMkLst>
            <pc:docMk/>
            <pc:sldMk cId="4169938905" sldId="635"/>
            <ac:spMk id="56" creationId="{1A2BE491-2DF3-8C2C-072A-2D9692E4217F}"/>
          </ac:spMkLst>
        </pc:spChg>
        <pc:spChg chg="mod">
          <ac:chgData name="Valentina Facuse" userId="8ac073aa-7feb-47c3-9cf3-f4c37dd140ee" providerId="ADAL" clId="{952DC8EC-DDCB-44ED-9743-6C061AD7F330}" dt="2022-05-18T13:26:42.204" v="84" actId="1076"/>
          <ac:spMkLst>
            <pc:docMk/>
            <pc:sldMk cId="4169938905" sldId="635"/>
            <ac:spMk id="57" creationId="{3FD48411-D58C-3A99-EAC3-54DD8281064D}"/>
          </ac:spMkLst>
        </pc:spChg>
        <pc:spChg chg="mod">
          <ac:chgData name="Valentina Facuse" userId="8ac073aa-7feb-47c3-9cf3-f4c37dd140ee" providerId="ADAL" clId="{952DC8EC-DDCB-44ED-9743-6C061AD7F330}" dt="2022-05-18T13:26:42.204" v="84" actId="1076"/>
          <ac:spMkLst>
            <pc:docMk/>
            <pc:sldMk cId="4169938905" sldId="635"/>
            <ac:spMk id="58" creationId="{1A2811FF-EB72-0DA4-5E0D-539E5692A7BF}"/>
          </ac:spMkLst>
        </pc:spChg>
        <pc:spChg chg="mod">
          <ac:chgData name="Valentina Facuse" userId="8ac073aa-7feb-47c3-9cf3-f4c37dd140ee" providerId="ADAL" clId="{952DC8EC-DDCB-44ED-9743-6C061AD7F330}" dt="2022-05-18T13:26:42.204" v="84" actId="1076"/>
          <ac:spMkLst>
            <pc:docMk/>
            <pc:sldMk cId="4169938905" sldId="635"/>
            <ac:spMk id="59" creationId="{059516C6-A9B3-83EA-D096-23B6A420F138}"/>
          </ac:spMkLst>
        </pc:spChg>
        <pc:spChg chg="mod">
          <ac:chgData name="Valentina Facuse" userId="8ac073aa-7feb-47c3-9cf3-f4c37dd140ee" providerId="ADAL" clId="{952DC8EC-DDCB-44ED-9743-6C061AD7F330}" dt="2022-05-18T13:26:42.204" v="84" actId="1076"/>
          <ac:spMkLst>
            <pc:docMk/>
            <pc:sldMk cId="4169938905" sldId="635"/>
            <ac:spMk id="60" creationId="{808105C6-A05F-3744-14FB-C3293EF02F04}"/>
          </ac:spMkLst>
        </pc:spChg>
        <pc:spChg chg="mod">
          <ac:chgData name="Valentina Facuse" userId="8ac073aa-7feb-47c3-9cf3-f4c37dd140ee" providerId="ADAL" clId="{952DC8EC-DDCB-44ED-9743-6C061AD7F330}" dt="2022-05-18T13:26:42.204" v="84" actId="1076"/>
          <ac:spMkLst>
            <pc:docMk/>
            <pc:sldMk cId="4169938905" sldId="635"/>
            <ac:spMk id="61" creationId="{3B67A567-574C-DE41-44C9-15DF00A51DA0}"/>
          </ac:spMkLst>
        </pc:spChg>
        <pc:spChg chg="mod">
          <ac:chgData name="Valentina Facuse" userId="8ac073aa-7feb-47c3-9cf3-f4c37dd140ee" providerId="ADAL" clId="{952DC8EC-DDCB-44ED-9743-6C061AD7F330}" dt="2022-05-18T13:26:42.204" v="84" actId="1076"/>
          <ac:spMkLst>
            <pc:docMk/>
            <pc:sldMk cId="4169938905" sldId="635"/>
            <ac:spMk id="62" creationId="{2C7DBDEB-4E16-A7C7-ABCC-03350337D832}"/>
          </ac:spMkLst>
        </pc:spChg>
        <pc:spChg chg="mod">
          <ac:chgData name="Valentina Facuse" userId="8ac073aa-7feb-47c3-9cf3-f4c37dd140ee" providerId="ADAL" clId="{952DC8EC-DDCB-44ED-9743-6C061AD7F330}" dt="2022-05-18T13:26:42.204" v="84" actId="1076"/>
          <ac:spMkLst>
            <pc:docMk/>
            <pc:sldMk cId="4169938905" sldId="635"/>
            <ac:spMk id="63" creationId="{96B7570C-4C56-46A9-834F-164057927A47}"/>
          </ac:spMkLst>
        </pc:spChg>
        <pc:spChg chg="mod">
          <ac:chgData name="Valentina Facuse" userId="8ac073aa-7feb-47c3-9cf3-f4c37dd140ee" providerId="ADAL" clId="{952DC8EC-DDCB-44ED-9743-6C061AD7F330}" dt="2022-05-18T13:26:42.204" v="84" actId="1076"/>
          <ac:spMkLst>
            <pc:docMk/>
            <pc:sldMk cId="4169938905" sldId="635"/>
            <ac:spMk id="64" creationId="{77729A78-BDB4-BAF7-A24E-250D23A9E559}"/>
          </ac:spMkLst>
        </pc:spChg>
        <pc:spChg chg="mod">
          <ac:chgData name="Valentina Facuse" userId="8ac073aa-7feb-47c3-9cf3-f4c37dd140ee" providerId="ADAL" clId="{952DC8EC-DDCB-44ED-9743-6C061AD7F330}" dt="2022-05-18T13:26:42.204" v="84" actId="1076"/>
          <ac:spMkLst>
            <pc:docMk/>
            <pc:sldMk cId="4169938905" sldId="635"/>
            <ac:spMk id="65" creationId="{21F51A04-2B37-EC97-3BC7-7C75FC40426E}"/>
          </ac:spMkLst>
        </pc:spChg>
        <pc:spChg chg="mod">
          <ac:chgData name="Valentina Facuse" userId="8ac073aa-7feb-47c3-9cf3-f4c37dd140ee" providerId="ADAL" clId="{952DC8EC-DDCB-44ED-9743-6C061AD7F330}" dt="2022-05-18T13:26:42.204" v="84" actId="1076"/>
          <ac:spMkLst>
            <pc:docMk/>
            <pc:sldMk cId="4169938905" sldId="635"/>
            <ac:spMk id="66" creationId="{826E3A99-367D-A3F0-03F9-F1A4D94AD1AC}"/>
          </ac:spMkLst>
        </pc:spChg>
        <pc:spChg chg="mod">
          <ac:chgData name="Valentina Facuse" userId="8ac073aa-7feb-47c3-9cf3-f4c37dd140ee" providerId="ADAL" clId="{952DC8EC-DDCB-44ED-9743-6C061AD7F330}" dt="2022-05-18T13:26:42.204" v="84" actId="1076"/>
          <ac:spMkLst>
            <pc:docMk/>
            <pc:sldMk cId="4169938905" sldId="635"/>
            <ac:spMk id="67" creationId="{9852E038-6224-BF26-E627-108E18BDDEBF}"/>
          </ac:spMkLst>
        </pc:spChg>
        <pc:spChg chg="mod">
          <ac:chgData name="Valentina Facuse" userId="8ac073aa-7feb-47c3-9cf3-f4c37dd140ee" providerId="ADAL" clId="{952DC8EC-DDCB-44ED-9743-6C061AD7F330}" dt="2022-05-18T13:26:42.204" v="84" actId="1076"/>
          <ac:spMkLst>
            <pc:docMk/>
            <pc:sldMk cId="4169938905" sldId="635"/>
            <ac:spMk id="68" creationId="{725C896E-6105-F86A-1C9F-ADC7522B7269}"/>
          </ac:spMkLst>
        </pc:spChg>
        <pc:spChg chg="mod">
          <ac:chgData name="Valentina Facuse" userId="8ac073aa-7feb-47c3-9cf3-f4c37dd140ee" providerId="ADAL" clId="{952DC8EC-DDCB-44ED-9743-6C061AD7F330}" dt="2022-05-18T13:26:42.204" v="84" actId="1076"/>
          <ac:spMkLst>
            <pc:docMk/>
            <pc:sldMk cId="4169938905" sldId="635"/>
            <ac:spMk id="69" creationId="{608445AF-BE76-E698-85AC-5C4F9289EC65}"/>
          </ac:spMkLst>
        </pc:spChg>
        <pc:spChg chg="mod">
          <ac:chgData name="Valentina Facuse" userId="8ac073aa-7feb-47c3-9cf3-f4c37dd140ee" providerId="ADAL" clId="{952DC8EC-DDCB-44ED-9743-6C061AD7F330}" dt="2022-05-18T13:26:42.204" v="84" actId="1076"/>
          <ac:spMkLst>
            <pc:docMk/>
            <pc:sldMk cId="4169938905" sldId="635"/>
            <ac:spMk id="70" creationId="{9C3D88B7-F5CC-513D-5F90-9C5819CE32C7}"/>
          </ac:spMkLst>
        </pc:spChg>
        <pc:spChg chg="mod">
          <ac:chgData name="Valentina Facuse" userId="8ac073aa-7feb-47c3-9cf3-f4c37dd140ee" providerId="ADAL" clId="{952DC8EC-DDCB-44ED-9743-6C061AD7F330}" dt="2022-05-18T13:26:42.204" v="84" actId="1076"/>
          <ac:spMkLst>
            <pc:docMk/>
            <pc:sldMk cId="4169938905" sldId="635"/>
            <ac:spMk id="71" creationId="{77C9FE11-5BF5-ABF5-41F5-2F35C5BD62F1}"/>
          </ac:spMkLst>
        </pc:spChg>
        <pc:spChg chg="mod">
          <ac:chgData name="Valentina Facuse" userId="8ac073aa-7feb-47c3-9cf3-f4c37dd140ee" providerId="ADAL" clId="{952DC8EC-DDCB-44ED-9743-6C061AD7F330}" dt="2022-05-18T13:26:42.204" v="84" actId="1076"/>
          <ac:spMkLst>
            <pc:docMk/>
            <pc:sldMk cId="4169938905" sldId="635"/>
            <ac:spMk id="72" creationId="{149D8F2F-3C79-D2B8-C182-741778F5912E}"/>
          </ac:spMkLst>
        </pc:spChg>
        <pc:spChg chg="mod">
          <ac:chgData name="Valentina Facuse" userId="8ac073aa-7feb-47c3-9cf3-f4c37dd140ee" providerId="ADAL" clId="{952DC8EC-DDCB-44ED-9743-6C061AD7F330}" dt="2022-05-18T13:26:42.204" v="84" actId="1076"/>
          <ac:spMkLst>
            <pc:docMk/>
            <pc:sldMk cId="4169938905" sldId="635"/>
            <ac:spMk id="73" creationId="{3B557EFC-1AAF-0AD5-DE5F-0D28D7DF2B10}"/>
          </ac:spMkLst>
        </pc:spChg>
        <pc:spChg chg="mod">
          <ac:chgData name="Valentina Facuse" userId="8ac073aa-7feb-47c3-9cf3-f4c37dd140ee" providerId="ADAL" clId="{952DC8EC-DDCB-44ED-9743-6C061AD7F330}" dt="2022-05-18T13:26:42.204" v="84" actId="1076"/>
          <ac:spMkLst>
            <pc:docMk/>
            <pc:sldMk cId="4169938905" sldId="635"/>
            <ac:spMk id="74" creationId="{62B40F9A-839D-2DF2-4EC3-7D219129BA87}"/>
          </ac:spMkLst>
        </pc:spChg>
        <pc:spChg chg="mod">
          <ac:chgData name="Valentina Facuse" userId="8ac073aa-7feb-47c3-9cf3-f4c37dd140ee" providerId="ADAL" clId="{952DC8EC-DDCB-44ED-9743-6C061AD7F330}" dt="2022-05-18T13:26:42.204" v="84" actId="1076"/>
          <ac:spMkLst>
            <pc:docMk/>
            <pc:sldMk cId="4169938905" sldId="635"/>
            <ac:spMk id="75" creationId="{66BF0D74-285E-36B1-5163-7860061FFE9A}"/>
          </ac:spMkLst>
        </pc:spChg>
        <pc:spChg chg="mod">
          <ac:chgData name="Valentina Facuse" userId="8ac073aa-7feb-47c3-9cf3-f4c37dd140ee" providerId="ADAL" clId="{952DC8EC-DDCB-44ED-9743-6C061AD7F330}" dt="2022-05-18T13:26:42.204" v="84" actId="1076"/>
          <ac:spMkLst>
            <pc:docMk/>
            <pc:sldMk cId="4169938905" sldId="635"/>
            <ac:spMk id="76" creationId="{DD934F54-62B5-CC3A-D614-30EDB765F34A}"/>
          </ac:spMkLst>
        </pc:spChg>
        <pc:spChg chg="mod">
          <ac:chgData name="Valentina Facuse" userId="8ac073aa-7feb-47c3-9cf3-f4c37dd140ee" providerId="ADAL" clId="{952DC8EC-DDCB-44ED-9743-6C061AD7F330}" dt="2022-05-18T13:26:42.204" v="84" actId="1076"/>
          <ac:spMkLst>
            <pc:docMk/>
            <pc:sldMk cId="4169938905" sldId="635"/>
            <ac:spMk id="77" creationId="{09B7D100-B8F2-569E-1438-B68C8C4295FE}"/>
          </ac:spMkLst>
        </pc:spChg>
        <pc:spChg chg="mod">
          <ac:chgData name="Valentina Facuse" userId="8ac073aa-7feb-47c3-9cf3-f4c37dd140ee" providerId="ADAL" clId="{952DC8EC-DDCB-44ED-9743-6C061AD7F330}" dt="2022-05-18T13:26:42.204" v="84" actId="1076"/>
          <ac:spMkLst>
            <pc:docMk/>
            <pc:sldMk cId="4169938905" sldId="635"/>
            <ac:spMk id="78" creationId="{492703CF-3145-193C-BAD7-96ED2C41B8C1}"/>
          </ac:spMkLst>
        </pc:spChg>
        <pc:spChg chg="mod">
          <ac:chgData name="Valentina Facuse" userId="8ac073aa-7feb-47c3-9cf3-f4c37dd140ee" providerId="ADAL" clId="{952DC8EC-DDCB-44ED-9743-6C061AD7F330}" dt="2022-05-18T13:26:42.204" v="84" actId="1076"/>
          <ac:spMkLst>
            <pc:docMk/>
            <pc:sldMk cId="4169938905" sldId="635"/>
            <ac:spMk id="79" creationId="{B2E7526D-86C5-38BD-50BA-E9D836ACE14C}"/>
          </ac:spMkLst>
        </pc:spChg>
        <pc:spChg chg="mod">
          <ac:chgData name="Valentina Facuse" userId="8ac073aa-7feb-47c3-9cf3-f4c37dd140ee" providerId="ADAL" clId="{952DC8EC-DDCB-44ED-9743-6C061AD7F330}" dt="2022-05-18T13:26:42.204" v="84" actId="1076"/>
          <ac:spMkLst>
            <pc:docMk/>
            <pc:sldMk cId="4169938905" sldId="635"/>
            <ac:spMk id="80" creationId="{020E837E-22E4-EF17-E80B-9F646B48C103}"/>
          </ac:spMkLst>
        </pc:spChg>
        <pc:spChg chg="mod">
          <ac:chgData name="Valentina Facuse" userId="8ac073aa-7feb-47c3-9cf3-f4c37dd140ee" providerId="ADAL" clId="{952DC8EC-DDCB-44ED-9743-6C061AD7F330}" dt="2022-05-18T13:26:42.204" v="84" actId="1076"/>
          <ac:spMkLst>
            <pc:docMk/>
            <pc:sldMk cId="4169938905" sldId="635"/>
            <ac:spMk id="81" creationId="{5DD6D4FD-8722-4CB2-26DF-5CD6FD1151AC}"/>
          </ac:spMkLst>
        </pc:spChg>
        <pc:spChg chg="mod">
          <ac:chgData name="Valentina Facuse" userId="8ac073aa-7feb-47c3-9cf3-f4c37dd140ee" providerId="ADAL" clId="{952DC8EC-DDCB-44ED-9743-6C061AD7F330}" dt="2022-05-18T13:26:42.204" v="84" actId="1076"/>
          <ac:spMkLst>
            <pc:docMk/>
            <pc:sldMk cId="4169938905" sldId="635"/>
            <ac:spMk id="82" creationId="{52CF0B62-103D-C82B-A391-BA9C8964EB8B}"/>
          </ac:spMkLst>
        </pc:spChg>
        <pc:spChg chg="mod">
          <ac:chgData name="Valentina Facuse" userId="8ac073aa-7feb-47c3-9cf3-f4c37dd140ee" providerId="ADAL" clId="{952DC8EC-DDCB-44ED-9743-6C061AD7F330}" dt="2022-05-18T13:26:42.204" v="84" actId="1076"/>
          <ac:spMkLst>
            <pc:docMk/>
            <pc:sldMk cId="4169938905" sldId="635"/>
            <ac:spMk id="83" creationId="{E7E71574-EFD3-58F4-BEA4-F8DEE6730787}"/>
          </ac:spMkLst>
        </pc:spChg>
        <pc:spChg chg="mod">
          <ac:chgData name="Valentina Facuse" userId="8ac073aa-7feb-47c3-9cf3-f4c37dd140ee" providerId="ADAL" clId="{952DC8EC-DDCB-44ED-9743-6C061AD7F330}" dt="2022-05-18T13:26:42.204" v="84" actId="1076"/>
          <ac:spMkLst>
            <pc:docMk/>
            <pc:sldMk cId="4169938905" sldId="635"/>
            <ac:spMk id="84" creationId="{1957E7CD-A156-FC6E-D6A2-93F7A8EE778E}"/>
          </ac:spMkLst>
        </pc:spChg>
        <pc:spChg chg="mod">
          <ac:chgData name="Valentina Facuse" userId="8ac073aa-7feb-47c3-9cf3-f4c37dd140ee" providerId="ADAL" clId="{952DC8EC-DDCB-44ED-9743-6C061AD7F330}" dt="2022-05-18T13:26:42.204" v="84" actId="1076"/>
          <ac:spMkLst>
            <pc:docMk/>
            <pc:sldMk cId="4169938905" sldId="635"/>
            <ac:spMk id="85" creationId="{3C4E48F6-F502-A8CF-BAD7-B9806BCF9AED}"/>
          </ac:spMkLst>
        </pc:spChg>
        <pc:spChg chg="mod">
          <ac:chgData name="Valentina Facuse" userId="8ac073aa-7feb-47c3-9cf3-f4c37dd140ee" providerId="ADAL" clId="{952DC8EC-DDCB-44ED-9743-6C061AD7F330}" dt="2022-05-18T13:26:42.204" v="84" actId="1076"/>
          <ac:spMkLst>
            <pc:docMk/>
            <pc:sldMk cId="4169938905" sldId="635"/>
            <ac:spMk id="86" creationId="{6D21891A-E516-F4D9-60B8-00BD4ED2BB28}"/>
          </ac:spMkLst>
        </pc:spChg>
        <pc:spChg chg="mod">
          <ac:chgData name="Valentina Facuse" userId="8ac073aa-7feb-47c3-9cf3-f4c37dd140ee" providerId="ADAL" clId="{952DC8EC-DDCB-44ED-9743-6C061AD7F330}" dt="2022-05-18T13:26:42.204" v="84" actId="1076"/>
          <ac:spMkLst>
            <pc:docMk/>
            <pc:sldMk cId="4169938905" sldId="635"/>
            <ac:spMk id="87" creationId="{7F9F258B-1748-26CB-9C38-12FA398CF6DB}"/>
          </ac:spMkLst>
        </pc:spChg>
        <pc:spChg chg="mod">
          <ac:chgData name="Valentina Facuse" userId="8ac073aa-7feb-47c3-9cf3-f4c37dd140ee" providerId="ADAL" clId="{952DC8EC-DDCB-44ED-9743-6C061AD7F330}" dt="2022-05-18T13:26:42.204" v="84" actId="1076"/>
          <ac:spMkLst>
            <pc:docMk/>
            <pc:sldMk cId="4169938905" sldId="635"/>
            <ac:spMk id="88" creationId="{E5A8783E-2964-D66E-24FE-DB8A32D55C5C}"/>
          </ac:spMkLst>
        </pc:spChg>
        <pc:spChg chg="mod">
          <ac:chgData name="Valentina Facuse" userId="8ac073aa-7feb-47c3-9cf3-f4c37dd140ee" providerId="ADAL" clId="{952DC8EC-DDCB-44ED-9743-6C061AD7F330}" dt="2022-05-18T13:26:42.204" v="84" actId="1076"/>
          <ac:spMkLst>
            <pc:docMk/>
            <pc:sldMk cId="4169938905" sldId="635"/>
            <ac:spMk id="89" creationId="{BB9DA287-675E-F4DA-A044-3C3D837EA3D9}"/>
          </ac:spMkLst>
        </pc:spChg>
        <pc:spChg chg="mod">
          <ac:chgData name="Valentina Facuse" userId="8ac073aa-7feb-47c3-9cf3-f4c37dd140ee" providerId="ADAL" clId="{952DC8EC-DDCB-44ED-9743-6C061AD7F330}" dt="2022-05-18T13:27:06.163" v="87" actId="1076"/>
          <ac:spMkLst>
            <pc:docMk/>
            <pc:sldMk cId="4169938905" sldId="635"/>
            <ac:spMk id="90" creationId="{ACC5A631-5322-C2E6-4119-39C508E927B5}"/>
          </ac:spMkLst>
        </pc:spChg>
        <pc:spChg chg="mod">
          <ac:chgData name="Valentina Facuse" userId="8ac073aa-7feb-47c3-9cf3-f4c37dd140ee" providerId="ADAL" clId="{952DC8EC-DDCB-44ED-9743-6C061AD7F330}" dt="2022-05-18T13:26:50.067" v="85" actId="1076"/>
          <ac:spMkLst>
            <pc:docMk/>
            <pc:sldMk cId="4169938905" sldId="635"/>
            <ac:spMk id="171" creationId="{B07C4FA5-4BA6-78DE-6FF8-FE380D751936}"/>
          </ac:spMkLst>
        </pc:spChg>
        <pc:grpChg chg="mod">
          <ac:chgData name="Valentina Facuse" userId="8ac073aa-7feb-47c3-9cf3-f4c37dd140ee" providerId="ADAL" clId="{952DC8EC-DDCB-44ED-9743-6C061AD7F330}" dt="2022-05-18T13:26:42.204" v="84" actId="1076"/>
          <ac:grpSpMkLst>
            <pc:docMk/>
            <pc:sldMk cId="4169938905" sldId="635"/>
            <ac:grpSpMk id="5" creationId="{26267E67-720C-3492-CE25-23CAD29BDD6B}"/>
          </ac:grpSpMkLst>
        </pc:grpChg>
        <pc:cxnChg chg="mod">
          <ac:chgData name="Valentina Facuse" userId="8ac073aa-7feb-47c3-9cf3-f4c37dd140ee" providerId="ADAL" clId="{952DC8EC-DDCB-44ED-9743-6C061AD7F330}" dt="2022-05-18T13:26:42.204" v="84" actId="1076"/>
          <ac:cxnSpMkLst>
            <pc:docMk/>
            <pc:sldMk cId="4169938905" sldId="635"/>
            <ac:cxnSpMk id="6" creationId="{0ACBFB6C-3987-D58D-86B5-F1003DB33033}"/>
          </ac:cxnSpMkLst>
        </pc:cxnChg>
        <pc:cxnChg chg="mod">
          <ac:chgData name="Valentina Facuse" userId="8ac073aa-7feb-47c3-9cf3-f4c37dd140ee" providerId="ADAL" clId="{952DC8EC-DDCB-44ED-9743-6C061AD7F330}" dt="2022-05-18T13:26:42.204" v="84" actId="1076"/>
          <ac:cxnSpMkLst>
            <pc:docMk/>
            <pc:sldMk cId="4169938905" sldId="635"/>
            <ac:cxnSpMk id="7" creationId="{612156A6-1929-2DF1-10E9-E0D68A590591}"/>
          </ac:cxnSpMkLst>
        </pc:cxnChg>
        <pc:cxnChg chg="mod">
          <ac:chgData name="Valentina Facuse" userId="8ac073aa-7feb-47c3-9cf3-f4c37dd140ee" providerId="ADAL" clId="{952DC8EC-DDCB-44ED-9743-6C061AD7F330}" dt="2022-05-18T13:26:42.204" v="84" actId="1076"/>
          <ac:cxnSpMkLst>
            <pc:docMk/>
            <pc:sldMk cId="4169938905" sldId="635"/>
            <ac:cxnSpMk id="8" creationId="{144B9148-BC7A-3282-06DA-9E167D6A5781}"/>
          </ac:cxnSpMkLst>
        </pc:cxnChg>
        <pc:cxnChg chg="mod">
          <ac:chgData name="Valentina Facuse" userId="8ac073aa-7feb-47c3-9cf3-f4c37dd140ee" providerId="ADAL" clId="{952DC8EC-DDCB-44ED-9743-6C061AD7F330}" dt="2022-05-18T13:26:42.204" v="84" actId="1076"/>
          <ac:cxnSpMkLst>
            <pc:docMk/>
            <pc:sldMk cId="4169938905" sldId="635"/>
            <ac:cxnSpMk id="9" creationId="{21666F53-4069-DC7C-46ED-00B4949AD305}"/>
          </ac:cxnSpMkLst>
        </pc:cxnChg>
        <pc:cxnChg chg="mod">
          <ac:chgData name="Valentina Facuse" userId="8ac073aa-7feb-47c3-9cf3-f4c37dd140ee" providerId="ADAL" clId="{952DC8EC-DDCB-44ED-9743-6C061AD7F330}" dt="2022-05-18T13:26:42.204" v="84" actId="1076"/>
          <ac:cxnSpMkLst>
            <pc:docMk/>
            <pc:sldMk cId="4169938905" sldId="635"/>
            <ac:cxnSpMk id="10" creationId="{D283A1AB-4B7E-FC61-98CE-C4E270CF1116}"/>
          </ac:cxnSpMkLst>
        </pc:cxnChg>
        <pc:cxnChg chg="mod">
          <ac:chgData name="Valentina Facuse" userId="8ac073aa-7feb-47c3-9cf3-f4c37dd140ee" providerId="ADAL" clId="{952DC8EC-DDCB-44ED-9743-6C061AD7F330}" dt="2022-05-18T13:26:42.204" v="84" actId="1076"/>
          <ac:cxnSpMkLst>
            <pc:docMk/>
            <pc:sldMk cId="4169938905" sldId="635"/>
            <ac:cxnSpMk id="11" creationId="{E06AB7F9-36BE-E5E7-8DD3-9A627DEBD593}"/>
          </ac:cxnSpMkLst>
        </pc:cxnChg>
        <pc:cxnChg chg="mod">
          <ac:chgData name="Valentina Facuse" userId="8ac073aa-7feb-47c3-9cf3-f4c37dd140ee" providerId="ADAL" clId="{952DC8EC-DDCB-44ED-9743-6C061AD7F330}" dt="2022-05-18T13:26:42.204" v="84" actId="1076"/>
          <ac:cxnSpMkLst>
            <pc:docMk/>
            <pc:sldMk cId="4169938905" sldId="635"/>
            <ac:cxnSpMk id="13" creationId="{33CC0CB8-C641-6C1D-F914-58C2B69572D2}"/>
          </ac:cxnSpMkLst>
        </pc:cxnChg>
        <pc:cxnChg chg="mod">
          <ac:chgData name="Valentina Facuse" userId="8ac073aa-7feb-47c3-9cf3-f4c37dd140ee" providerId="ADAL" clId="{952DC8EC-DDCB-44ED-9743-6C061AD7F330}" dt="2022-05-18T13:26:42.204" v="84" actId="1076"/>
          <ac:cxnSpMkLst>
            <pc:docMk/>
            <pc:sldMk cId="4169938905" sldId="635"/>
            <ac:cxnSpMk id="14" creationId="{7B9D0FCF-D7B3-C343-7D24-0CD9CE803DD7}"/>
          </ac:cxnSpMkLst>
        </pc:cxnChg>
        <pc:cxnChg chg="mod">
          <ac:chgData name="Valentina Facuse" userId="8ac073aa-7feb-47c3-9cf3-f4c37dd140ee" providerId="ADAL" clId="{952DC8EC-DDCB-44ED-9743-6C061AD7F330}" dt="2022-05-18T13:26:42.204" v="84" actId="1076"/>
          <ac:cxnSpMkLst>
            <pc:docMk/>
            <pc:sldMk cId="4169938905" sldId="635"/>
            <ac:cxnSpMk id="15" creationId="{6529BD99-E652-3E3D-3C94-ABEE37D471F3}"/>
          </ac:cxnSpMkLst>
        </pc:cxnChg>
        <pc:cxnChg chg="del mod">
          <ac:chgData name="Valentina Facuse" userId="8ac073aa-7feb-47c3-9cf3-f4c37dd140ee" providerId="ADAL" clId="{952DC8EC-DDCB-44ED-9743-6C061AD7F330}" dt="2022-05-18T13:26:05.660" v="83" actId="478"/>
          <ac:cxnSpMkLst>
            <pc:docMk/>
            <pc:sldMk cId="4169938905" sldId="635"/>
            <ac:cxnSpMk id="16" creationId="{DF6B885D-EEDE-5842-46B3-D2A97E019164}"/>
          </ac:cxnSpMkLst>
        </pc:cxnChg>
        <pc:cxnChg chg="del mod">
          <ac:chgData name="Valentina Facuse" userId="8ac073aa-7feb-47c3-9cf3-f4c37dd140ee" providerId="ADAL" clId="{952DC8EC-DDCB-44ED-9743-6C061AD7F330}" dt="2022-05-18T13:26:01.099" v="82" actId="478"/>
          <ac:cxnSpMkLst>
            <pc:docMk/>
            <pc:sldMk cId="4169938905" sldId="635"/>
            <ac:cxnSpMk id="17" creationId="{582A46BE-EB71-31AF-C2B0-C4CDFD7CF477}"/>
          </ac:cxnSpMkLst>
        </pc:cxnChg>
        <pc:cxnChg chg="del mod">
          <ac:chgData name="Valentina Facuse" userId="8ac073aa-7feb-47c3-9cf3-f4c37dd140ee" providerId="ADAL" clId="{952DC8EC-DDCB-44ED-9743-6C061AD7F330}" dt="2022-05-18T13:25:55.768" v="80" actId="478"/>
          <ac:cxnSpMkLst>
            <pc:docMk/>
            <pc:sldMk cId="4169938905" sldId="635"/>
            <ac:cxnSpMk id="18" creationId="{77C62EE9-EC99-6FD7-1AC5-FA369FC739D3}"/>
          </ac:cxnSpMkLst>
        </pc:cxnChg>
        <pc:cxnChg chg="mod">
          <ac:chgData name="Valentina Facuse" userId="8ac073aa-7feb-47c3-9cf3-f4c37dd140ee" providerId="ADAL" clId="{952DC8EC-DDCB-44ED-9743-6C061AD7F330}" dt="2022-05-18T13:26:42.204" v="84" actId="1076"/>
          <ac:cxnSpMkLst>
            <pc:docMk/>
            <pc:sldMk cId="4169938905" sldId="635"/>
            <ac:cxnSpMk id="22" creationId="{042D1BBB-7E82-C696-226E-67C7EC16649F}"/>
          </ac:cxnSpMkLst>
        </pc:cxnChg>
        <pc:cxnChg chg="mod">
          <ac:chgData name="Valentina Facuse" userId="8ac073aa-7feb-47c3-9cf3-f4c37dd140ee" providerId="ADAL" clId="{952DC8EC-DDCB-44ED-9743-6C061AD7F330}" dt="2022-05-18T13:26:42.204" v="84" actId="1076"/>
          <ac:cxnSpMkLst>
            <pc:docMk/>
            <pc:sldMk cId="4169938905" sldId="635"/>
            <ac:cxnSpMk id="24" creationId="{3F529107-A228-9A80-8CA1-BFD28931D0B5}"/>
          </ac:cxnSpMkLst>
        </pc:cxnChg>
        <pc:cxnChg chg="mod">
          <ac:chgData name="Valentina Facuse" userId="8ac073aa-7feb-47c3-9cf3-f4c37dd140ee" providerId="ADAL" clId="{952DC8EC-DDCB-44ED-9743-6C061AD7F330}" dt="2022-05-18T13:26:42.204" v="84" actId="1076"/>
          <ac:cxnSpMkLst>
            <pc:docMk/>
            <pc:sldMk cId="4169938905" sldId="635"/>
            <ac:cxnSpMk id="26" creationId="{E5B2CADC-CF7D-99F0-7E6C-2B38E9102C9D}"/>
          </ac:cxnSpMkLst>
        </pc:cxnChg>
        <pc:cxnChg chg="mod">
          <ac:chgData name="Valentina Facuse" userId="8ac073aa-7feb-47c3-9cf3-f4c37dd140ee" providerId="ADAL" clId="{952DC8EC-DDCB-44ED-9743-6C061AD7F330}" dt="2022-05-18T13:26:42.204" v="84" actId="1076"/>
          <ac:cxnSpMkLst>
            <pc:docMk/>
            <pc:sldMk cId="4169938905" sldId="635"/>
            <ac:cxnSpMk id="28" creationId="{F445C06A-2BBD-F86D-682D-EB814BE8BBB7}"/>
          </ac:cxnSpMkLst>
        </pc:cxnChg>
        <pc:cxnChg chg="mod">
          <ac:chgData name="Valentina Facuse" userId="8ac073aa-7feb-47c3-9cf3-f4c37dd140ee" providerId="ADAL" clId="{952DC8EC-DDCB-44ED-9743-6C061AD7F330}" dt="2022-05-18T13:26:42.204" v="84" actId="1076"/>
          <ac:cxnSpMkLst>
            <pc:docMk/>
            <pc:sldMk cId="4169938905" sldId="635"/>
            <ac:cxnSpMk id="30" creationId="{2F06DE4A-AE87-272A-8BBA-7FC54CD7286C}"/>
          </ac:cxnSpMkLst>
        </pc:cxnChg>
        <pc:cxnChg chg="mod">
          <ac:chgData name="Valentina Facuse" userId="8ac073aa-7feb-47c3-9cf3-f4c37dd140ee" providerId="ADAL" clId="{952DC8EC-DDCB-44ED-9743-6C061AD7F330}" dt="2022-05-18T13:26:42.204" v="84" actId="1076"/>
          <ac:cxnSpMkLst>
            <pc:docMk/>
            <pc:sldMk cId="4169938905" sldId="635"/>
            <ac:cxnSpMk id="32" creationId="{B612B716-896B-0F91-C670-A47B370BB0F9}"/>
          </ac:cxnSpMkLst>
        </pc:cxnChg>
        <pc:cxnChg chg="mod">
          <ac:chgData name="Valentina Facuse" userId="8ac073aa-7feb-47c3-9cf3-f4c37dd140ee" providerId="ADAL" clId="{952DC8EC-DDCB-44ED-9743-6C061AD7F330}" dt="2022-05-18T13:26:42.204" v="84" actId="1076"/>
          <ac:cxnSpMkLst>
            <pc:docMk/>
            <pc:sldMk cId="4169938905" sldId="635"/>
            <ac:cxnSpMk id="34" creationId="{FBE783E8-480D-8EE7-74E6-8A3259C04E9F}"/>
          </ac:cxnSpMkLst>
        </pc:cxnChg>
        <pc:cxnChg chg="mod">
          <ac:chgData name="Valentina Facuse" userId="8ac073aa-7feb-47c3-9cf3-f4c37dd140ee" providerId="ADAL" clId="{952DC8EC-DDCB-44ED-9743-6C061AD7F330}" dt="2022-05-18T13:26:42.204" v="84" actId="1076"/>
          <ac:cxnSpMkLst>
            <pc:docMk/>
            <pc:sldMk cId="4169938905" sldId="635"/>
            <ac:cxnSpMk id="36" creationId="{7585EA54-3AF7-FA42-44C2-6462B5659618}"/>
          </ac:cxnSpMkLst>
        </pc:cxnChg>
        <pc:cxnChg chg="mod">
          <ac:chgData name="Valentina Facuse" userId="8ac073aa-7feb-47c3-9cf3-f4c37dd140ee" providerId="ADAL" clId="{952DC8EC-DDCB-44ED-9743-6C061AD7F330}" dt="2022-05-18T13:26:42.204" v="84" actId="1076"/>
          <ac:cxnSpMkLst>
            <pc:docMk/>
            <pc:sldMk cId="4169938905" sldId="635"/>
            <ac:cxnSpMk id="38" creationId="{64D20F34-4F58-1754-39CD-6F7597B1F49D}"/>
          </ac:cxnSpMkLst>
        </pc:cxnChg>
        <pc:cxnChg chg="mod">
          <ac:chgData name="Valentina Facuse" userId="8ac073aa-7feb-47c3-9cf3-f4c37dd140ee" providerId="ADAL" clId="{952DC8EC-DDCB-44ED-9743-6C061AD7F330}" dt="2022-05-18T13:26:42.204" v="84" actId="1076"/>
          <ac:cxnSpMkLst>
            <pc:docMk/>
            <pc:sldMk cId="4169938905" sldId="635"/>
            <ac:cxnSpMk id="40" creationId="{B57F4B4C-B5E4-F497-68E3-45D618134A86}"/>
          </ac:cxnSpMkLst>
        </pc:cxnChg>
        <pc:cxnChg chg="mod">
          <ac:chgData name="Valentina Facuse" userId="8ac073aa-7feb-47c3-9cf3-f4c37dd140ee" providerId="ADAL" clId="{952DC8EC-DDCB-44ED-9743-6C061AD7F330}" dt="2022-05-18T13:26:42.204" v="84" actId="1076"/>
          <ac:cxnSpMkLst>
            <pc:docMk/>
            <pc:sldMk cId="4169938905" sldId="635"/>
            <ac:cxnSpMk id="42" creationId="{9CBDE48B-4CF3-2EAE-960D-2B7C75B2CDB4}"/>
          </ac:cxnSpMkLst>
        </pc:cxnChg>
      </pc:sldChg>
      <pc:sldChg chg="addSp delSp modSp add mod">
        <pc:chgData name="Valentina Facuse" userId="8ac073aa-7feb-47c3-9cf3-f4c37dd140ee" providerId="ADAL" clId="{952DC8EC-DDCB-44ED-9743-6C061AD7F330}" dt="2022-05-18T13:36:43.159" v="124" actId="1076"/>
        <pc:sldMkLst>
          <pc:docMk/>
          <pc:sldMk cId="242055070" sldId="636"/>
        </pc:sldMkLst>
        <pc:spChg chg="add del mod">
          <ac:chgData name="Valentina Facuse" userId="8ac073aa-7feb-47c3-9cf3-f4c37dd140ee" providerId="ADAL" clId="{952DC8EC-DDCB-44ED-9743-6C061AD7F330}" dt="2022-05-18T13:36:32.172" v="122" actId="14100"/>
          <ac:spMkLst>
            <pc:docMk/>
            <pc:sldMk cId="242055070" sldId="636"/>
            <ac:spMk id="2" creationId="{62466923-4D41-4DCD-9587-2855C0719472}"/>
          </ac:spMkLst>
        </pc:spChg>
        <pc:spChg chg="mod">
          <ac:chgData name="Valentina Facuse" userId="8ac073aa-7feb-47c3-9cf3-f4c37dd140ee" providerId="ADAL" clId="{952DC8EC-DDCB-44ED-9743-6C061AD7F330}" dt="2022-05-18T13:35:54.549" v="116"/>
          <ac:spMkLst>
            <pc:docMk/>
            <pc:sldMk cId="242055070" sldId="636"/>
            <ac:spMk id="3" creationId="{B67E1C04-7AC0-47B9-A990-11C7D1776B18}"/>
          </ac:spMkLst>
        </pc:spChg>
        <pc:picChg chg="add del mod ord">
          <ac:chgData name="Valentina Facuse" userId="8ac073aa-7feb-47c3-9cf3-f4c37dd140ee" providerId="ADAL" clId="{952DC8EC-DDCB-44ED-9743-6C061AD7F330}" dt="2022-05-18T13:36:16.842" v="120" actId="22"/>
          <ac:picMkLst>
            <pc:docMk/>
            <pc:sldMk cId="242055070" sldId="636"/>
            <ac:picMk id="5" creationId="{770B1B3C-03AF-E2FC-DE05-A449DBE2818F}"/>
          </ac:picMkLst>
        </pc:picChg>
        <pc:picChg chg="add mod">
          <ac:chgData name="Valentina Facuse" userId="8ac073aa-7feb-47c3-9cf3-f4c37dd140ee" providerId="ADAL" clId="{952DC8EC-DDCB-44ED-9743-6C061AD7F330}" dt="2022-05-18T13:36:43.159" v="124" actId="1076"/>
          <ac:picMkLst>
            <pc:docMk/>
            <pc:sldMk cId="242055070" sldId="636"/>
            <ac:picMk id="6" creationId="{FD0B30CD-1521-EEFD-C3D9-F816465EDEF2}"/>
          </ac:picMkLst>
        </pc:picChg>
      </pc:sldChg>
      <pc:sldChg chg="addSp delSp modSp add mod">
        <pc:chgData name="Valentina Facuse" userId="8ac073aa-7feb-47c3-9cf3-f4c37dd140ee" providerId="ADAL" clId="{952DC8EC-DDCB-44ED-9743-6C061AD7F330}" dt="2022-05-18T13:40:29.397" v="397" actId="20577"/>
        <pc:sldMkLst>
          <pc:docMk/>
          <pc:sldMk cId="1571402745" sldId="637"/>
        </pc:sldMkLst>
        <pc:spChg chg="mod">
          <ac:chgData name="Valentina Facuse" userId="8ac073aa-7feb-47c3-9cf3-f4c37dd140ee" providerId="ADAL" clId="{952DC8EC-DDCB-44ED-9743-6C061AD7F330}" dt="2022-05-18T13:40:29.397" v="397" actId="20577"/>
          <ac:spMkLst>
            <pc:docMk/>
            <pc:sldMk cId="1571402745" sldId="637"/>
            <ac:spMk id="2" creationId="{62466923-4D41-4DCD-9587-2855C0719472}"/>
          </ac:spMkLst>
        </pc:spChg>
        <pc:spChg chg="mod">
          <ac:chgData name="Valentina Facuse" userId="8ac073aa-7feb-47c3-9cf3-f4c37dd140ee" providerId="ADAL" clId="{952DC8EC-DDCB-44ED-9743-6C061AD7F330}" dt="2022-05-18T13:37:57.959" v="161" actId="27636"/>
          <ac:spMkLst>
            <pc:docMk/>
            <pc:sldMk cId="1571402745" sldId="637"/>
            <ac:spMk id="3" creationId="{B67E1C04-7AC0-47B9-A990-11C7D1776B18}"/>
          </ac:spMkLst>
        </pc:spChg>
        <pc:picChg chg="add mod">
          <ac:chgData name="Valentina Facuse" userId="8ac073aa-7feb-47c3-9cf3-f4c37dd140ee" providerId="ADAL" clId="{952DC8EC-DDCB-44ED-9743-6C061AD7F330}" dt="2022-05-18T13:38:26.398" v="322" actId="1076"/>
          <ac:picMkLst>
            <pc:docMk/>
            <pc:sldMk cId="1571402745" sldId="637"/>
            <ac:picMk id="5" creationId="{4787D773-3041-2F77-4498-90834C3D131E}"/>
          </ac:picMkLst>
        </pc:picChg>
        <pc:picChg chg="del">
          <ac:chgData name="Valentina Facuse" userId="8ac073aa-7feb-47c3-9cf3-f4c37dd140ee" providerId="ADAL" clId="{952DC8EC-DDCB-44ED-9743-6C061AD7F330}" dt="2022-05-18T13:38:21.638" v="320" actId="478"/>
          <ac:picMkLst>
            <pc:docMk/>
            <pc:sldMk cId="1571402745" sldId="637"/>
            <ac:picMk id="6" creationId="{FD0B30CD-1521-EEFD-C3D9-F816465EDEF2}"/>
          </ac:picMkLst>
        </pc:picChg>
      </pc:sldChg>
      <pc:sldChg chg="addSp delSp modSp add mod ord">
        <pc:chgData name="Valentina Facuse" userId="8ac073aa-7feb-47c3-9cf3-f4c37dd140ee" providerId="ADAL" clId="{952DC8EC-DDCB-44ED-9743-6C061AD7F330}" dt="2022-05-18T13:39:45.740" v="388" actId="1076"/>
        <pc:sldMkLst>
          <pc:docMk/>
          <pc:sldMk cId="3258023192" sldId="638"/>
        </pc:sldMkLst>
        <pc:spChg chg="del">
          <ac:chgData name="Valentina Facuse" userId="8ac073aa-7feb-47c3-9cf3-f4c37dd140ee" providerId="ADAL" clId="{952DC8EC-DDCB-44ED-9743-6C061AD7F330}" dt="2022-05-18T13:39:29.503" v="385" actId="478"/>
          <ac:spMkLst>
            <pc:docMk/>
            <pc:sldMk cId="3258023192" sldId="638"/>
            <ac:spMk id="2" creationId="{62466923-4D41-4DCD-9587-2855C0719472}"/>
          </ac:spMkLst>
        </pc:spChg>
        <pc:spChg chg="mod">
          <ac:chgData name="Valentina Facuse" userId="8ac073aa-7feb-47c3-9cf3-f4c37dd140ee" providerId="ADAL" clId="{952DC8EC-DDCB-44ED-9743-6C061AD7F330}" dt="2022-05-18T13:39:21.960" v="383" actId="27636"/>
          <ac:spMkLst>
            <pc:docMk/>
            <pc:sldMk cId="3258023192" sldId="638"/>
            <ac:spMk id="3" creationId="{B67E1C04-7AC0-47B9-A990-11C7D1776B18}"/>
          </ac:spMkLst>
        </pc:spChg>
        <pc:spChg chg="add del mod">
          <ac:chgData name="Valentina Facuse" userId="8ac073aa-7feb-47c3-9cf3-f4c37dd140ee" providerId="ADAL" clId="{952DC8EC-DDCB-44ED-9743-6C061AD7F330}" dt="2022-05-18T13:39:33.237" v="386" actId="478"/>
          <ac:spMkLst>
            <pc:docMk/>
            <pc:sldMk cId="3258023192" sldId="638"/>
            <ac:spMk id="6" creationId="{4B21F6C2-5E7F-4D59-25F5-26153BE1FC9B}"/>
          </ac:spMkLst>
        </pc:spChg>
        <pc:spChg chg="mod">
          <ac:chgData name="Valentina Facuse" userId="8ac073aa-7feb-47c3-9cf3-f4c37dd140ee" providerId="ADAL" clId="{952DC8EC-DDCB-44ED-9743-6C061AD7F330}" dt="2022-05-18T13:39:38.983" v="387"/>
          <ac:spMkLst>
            <pc:docMk/>
            <pc:sldMk cId="3258023192" sldId="638"/>
            <ac:spMk id="9" creationId="{409871E0-B7BD-9CFB-28BE-4DF84D1CE16D}"/>
          </ac:spMkLst>
        </pc:spChg>
        <pc:grpChg chg="add mod">
          <ac:chgData name="Valentina Facuse" userId="8ac073aa-7feb-47c3-9cf3-f4c37dd140ee" providerId="ADAL" clId="{952DC8EC-DDCB-44ED-9743-6C061AD7F330}" dt="2022-05-18T13:39:45.740" v="388" actId="1076"/>
          <ac:grpSpMkLst>
            <pc:docMk/>
            <pc:sldMk cId="3258023192" sldId="638"/>
            <ac:grpSpMk id="7" creationId="{3CC30E5E-A531-4347-A392-4EB715586580}"/>
          </ac:grpSpMkLst>
        </pc:grpChg>
        <pc:picChg chg="del">
          <ac:chgData name="Valentina Facuse" userId="8ac073aa-7feb-47c3-9cf3-f4c37dd140ee" providerId="ADAL" clId="{952DC8EC-DDCB-44ED-9743-6C061AD7F330}" dt="2022-05-18T13:39:25.828" v="384" actId="478"/>
          <ac:picMkLst>
            <pc:docMk/>
            <pc:sldMk cId="3258023192" sldId="638"/>
            <ac:picMk id="5" creationId="{4787D773-3041-2F77-4498-90834C3D131E}"/>
          </ac:picMkLst>
        </pc:picChg>
        <pc:picChg chg="mod">
          <ac:chgData name="Valentina Facuse" userId="8ac073aa-7feb-47c3-9cf3-f4c37dd140ee" providerId="ADAL" clId="{952DC8EC-DDCB-44ED-9743-6C061AD7F330}" dt="2022-05-18T13:39:38.983" v="387"/>
          <ac:picMkLst>
            <pc:docMk/>
            <pc:sldMk cId="3258023192" sldId="638"/>
            <ac:picMk id="8" creationId="{A74C77A8-B875-61B4-0671-59662771975B}"/>
          </ac:picMkLst>
        </pc:picChg>
      </pc:sldChg>
      <pc:sldChg chg="addSp delSp modSp add mod">
        <pc:chgData name="Valentina Facuse" userId="8ac073aa-7feb-47c3-9cf3-f4c37dd140ee" providerId="ADAL" clId="{952DC8EC-DDCB-44ED-9743-6C061AD7F330}" dt="2022-05-18T14:43:50.897" v="801" actId="255"/>
        <pc:sldMkLst>
          <pc:docMk/>
          <pc:sldMk cId="4001088973" sldId="639"/>
        </pc:sldMkLst>
        <pc:spChg chg="mod">
          <ac:chgData name="Valentina Facuse" userId="8ac073aa-7feb-47c3-9cf3-f4c37dd140ee" providerId="ADAL" clId="{952DC8EC-DDCB-44ED-9743-6C061AD7F330}" dt="2022-05-18T13:40:25.290" v="396"/>
          <ac:spMkLst>
            <pc:docMk/>
            <pc:sldMk cId="4001088973" sldId="639"/>
            <ac:spMk id="2" creationId="{62466923-4D41-4DCD-9587-2855C0719472}"/>
          </ac:spMkLst>
        </pc:spChg>
        <pc:spChg chg="mod">
          <ac:chgData name="Valentina Facuse" userId="8ac073aa-7feb-47c3-9cf3-f4c37dd140ee" providerId="ADAL" clId="{952DC8EC-DDCB-44ED-9743-6C061AD7F330}" dt="2022-05-18T13:40:17.553" v="394" actId="27636"/>
          <ac:spMkLst>
            <pc:docMk/>
            <pc:sldMk cId="4001088973" sldId="639"/>
            <ac:spMk id="3" creationId="{B67E1C04-7AC0-47B9-A990-11C7D1776B18}"/>
          </ac:spMkLst>
        </pc:spChg>
        <pc:spChg chg="add mod">
          <ac:chgData name="Valentina Facuse" userId="8ac073aa-7feb-47c3-9cf3-f4c37dd140ee" providerId="ADAL" clId="{952DC8EC-DDCB-44ED-9743-6C061AD7F330}" dt="2022-05-18T14:43:50.897" v="801" actId="255"/>
          <ac:spMkLst>
            <pc:docMk/>
            <pc:sldMk cId="4001088973" sldId="639"/>
            <ac:spMk id="7" creationId="{6F575AE9-7967-A3A7-5D5A-D77311F86316}"/>
          </ac:spMkLst>
        </pc:spChg>
        <pc:picChg chg="del">
          <ac:chgData name="Valentina Facuse" userId="8ac073aa-7feb-47c3-9cf3-f4c37dd140ee" providerId="ADAL" clId="{952DC8EC-DDCB-44ED-9743-6C061AD7F330}" dt="2022-05-18T13:40:36.270" v="398" actId="478"/>
          <ac:picMkLst>
            <pc:docMk/>
            <pc:sldMk cId="4001088973" sldId="639"/>
            <ac:picMk id="5" creationId="{4787D773-3041-2F77-4498-90834C3D131E}"/>
          </ac:picMkLst>
        </pc:picChg>
        <pc:picChg chg="add mod">
          <ac:chgData name="Valentina Facuse" userId="8ac073aa-7feb-47c3-9cf3-f4c37dd140ee" providerId="ADAL" clId="{952DC8EC-DDCB-44ED-9743-6C061AD7F330}" dt="2022-05-18T13:40:43.655" v="400" actId="1076"/>
          <ac:picMkLst>
            <pc:docMk/>
            <pc:sldMk cId="4001088973" sldId="639"/>
            <ac:picMk id="6" creationId="{EE7EA24D-2C50-8DE6-554E-DD2F5CE7270B}"/>
          </ac:picMkLst>
        </pc:picChg>
      </pc:sldChg>
      <pc:sldChg chg="delSp modSp add mod ord">
        <pc:chgData name="Valentina Facuse" userId="8ac073aa-7feb-47c3-9cf3-f4c37dd140ee" providerId="ADAL" clId="{952DC8EC-DDCB-44ED-9743-6C061AD7F330}" dt="2022-05-18T13:42:14.744" v="416" actId="14100"/>
        <pc:sldMkLst>
          <pc:docMk/>
          <pc:sldMk cId="3167820640" sldId="640"/>
        </pc:sldMkLst>
        <pc:spChg chg="mod topLvl">
          <ac:chgData name="Valentina Facuse" userId="8ac073aa-7feb-47c3-9cf3-f4c37dd140ee" providerId="ADAL" clId="{952DC8EC-DDCB-44ED-9743-6C061AD7F330}" dt="2022-05-18T13:42:14.744" v="416" actId="14100"/>
          <ac:spMkLst>
            <pc:docMk/>
            <pc:sldMk cId="3167820640" sldId="640"/>
            <ac:spMk id="9" creationId="{409871E0-B7BD-9CFB-28BE-4DF84D1CE16D}"/>
          </ac:spMkLst>
        </pc:spChg>
        <pc:grpChg chg="del">
          <ac:chgData name="Valentina Facuse" userId="8ac073aa-7feb-47c3-9cf3-f4c37dd140ee" providerId="ADAL" clId="{952DC8EC-DDCB-44ED-9743-6C061AD7F330}" dt="2022-05-18T13:41:35.261" v="407" actId="165"/>
          <ac:grpSpMkLst>
            <pc:docMk/>
            <pc:sldMk cId="3167820640" sldId="640"/>
            <ac:grpSpMk id="7" creationId="{3CC30E5E-A531-4347-A392-4EB715586580}"/>
          </ac:grpSpMkLst>
        </pc:grpChg>
        <pc:picChg chg="mod topLvl">
          <ac:chgData name="Valentina Facuse" userId="8ac073aa-7feb-47c3-9cf3-f4c37dd140ee" providerId="ADAL" clId="{952DC8EC-DDCB-44ED-9743-6C061AD7F330}" dt="2022-05-18T13:41:35.261" v="407" actId="165"/>
          <ac:picMkLst>
            <pc:docMk/>
            <pc:sldMk cId="3167820640" sldId="640"/>
            <ac:picMk id="8" creationId="{A74C77A8-B875-61B4-0671-59662771975B}"/>
          </ac:picMkLst>
        </pc:picChg>
      </pc:sldChg>
      <pc:sldChg chg="addSp delSp modSp add mod">
        <pc:chgData name="Valentina Facuse" userId="8ac073aa-7feb-47c3-9cf3-f4c37dd140ee" providerId="ADAL" clId="{952DC8EC-DDCB-44ED-9743-6C061AD7F330}" dt="2022-05-18T14:44:00.923" v="802" actId="255"/>
        <pc:sldMkLst>
          <pc:docMk/>
          <pc:sldMk cId="4001938543" sldId="641"/>
        </pc:sldMkLst>
        <pc:spChg chg="mod">
          <ac:chgData name="Valentina Facuse" userId="8ac073aa-7feb-47c3-9cf3-f4c37dd140ee" providerId="ADAL" clId="{952DC8EC-DDCB-44ED-9743-6C061AD7F330}" dt="2022-05-18T13:42:48.648" v="465"/>
          <ac:spMkLst>
            <pc:docMk/>
            <pc:sldMk cId="4001938543" sldId="641"/>
            <ac:spMk id="2" creationId="{62466923-4D41-4DCD-9587-2855C0719472}"/>
          </ac:spMkLst>
        </pc:spChg>
        <pc:spChg chg="mod">
          <ac:chgData name="Valentina Facuse" userId="8ac073aa-7feb-47c3-9cf3-f4c37dd140ee" providerId="ADAL" clId="{952DC8EC-DDCB-44ED-9743-6C061AD7F330}" dt="2022-05-18T13:42:40.328" v="463" actId="27636"/>
          <ac:spMkLst>
            <pc:docMk/>
            <pc:sldMk cId="4001938543" sldId="641"/>
            <ac:spMk id="3" creationId="{B67E1C04-7AC0-47B9-A990-11C7D1776B18}"/>
          </ac:spMkLst>
        </pc:spChg>
        <pc:spChg chg="mod">
          <ac:chgData name="Valentina Facuse" userId="8ac073aa-7feb-47c3-9cf3-f4c37dd140ee" providerId="ADAL" clId="{952DC8EC-DDCB-44ED-9743-6C061AD7F330}" dt="2022-05-18T14:44:00.923" v="802" actId="255"/>
          <ac:spMkLst>
            <pc:docMk/>
            <pc:sldMk cId="4001938543" sldId="641"/>
            <ac:spMk id="7" creationId="{6F575AE9-7967-A3A7-5D5A-D77311F86316}"/>
          </ac:spMkLst>
        </pc:spChg>
        <pc:picChg chg="del">
          <ac:chgData name="Valentina Facuse" userId="8ac073aa-7feb-47c3-9cf3-f4c37dd140ee" providerId="ADAL" clId="{952DC8EC-DDCB-44ED-9743-6C061AD7F330}" dt="2022-05-18T13:42:52.988" v="466" actId="478"/>
          <ac:picMkLst>
            <pc:docMk/>
            <pc:sldMk cId="4001938543" sldId="641"/>
            <ac:picMk id="6" creationId="{EE7EA24D-2C50-8DE6-554E-DD2F5CE7270B}"/>
          </ac:picMkLst>
        </pc:picChg>
        <pc:picChg chg="add mod">
          <ac:chgData name="Valentina Facuse" userId="8ac073aa-7feb-47c3-9cf3-f4c37dd140ee" providerId="ADAL" clId="{952DC8EC-DDCB-44ED-9743-6C061AD7F330}" dt="2022-05-18T13:43:01.473" v="468" actId="1076"/>
          <ac:picMkLst>
            <pc:docMk/>
            <pc:sldMk cId="4001938543" sldId="641"/>
            <ac:picMk id="8" creationId="{35A1B534-156F-E6E2-1CB7-05944F7FFE28}"/>
          </ac:picMkLst>
        </pc:picChg>
      </pc:sldChg>
      <pc:sldChg chg="modSp add mod">
        <pc:chgData name="Valentina Facuse" userId="8ac073aa-7feb-47c3-9cf3-f4c37dd140ee" providerId="ADAL" clId="{952DC8EC-DDCB-44ED-9743-6C061AD7F330}" dt="2022-05-18T13:43:50.313" v="525" actId="1076"/>
        <pc:sldMkLst>
          <pc:docMk/>
          <pc:sldMk cId="1307558623" sldId="642"/>
        </pc:sldMkLst>
        <pc:spChg chg="mod">
          <ac:chgData name="Valentina Facuse" userId="8ac073aa-7feb-47c3-9cf3-f4c37dd140ee" providerId="ADAL" clId="{952DC8EC-DDCB-44ED-9743-6C061AD7F330}" dt="2022-05-18T13:43:50.313" v="525" actId="1076"/>
          <ac:spMkLst>
            <pc:docMk/>
            <pc:sldMk cId="1307558623" sldId="642"/>
            <ac:spMk id="9" creationId="{409871E0-B7BD-9CFB-28BE-4DF84D1CE16D}"/>
          </ac:spMkLst>
        </pc:spChg>
      </pc:sldChg>
      <pc:sldChg chg="addSp delSp modSp add mod">
        <pc:chgData name="Valentina Facuse" userId="8ac073aa-7feb-47c3-9cf3-f4c37dd140ee" providerId="ADAL" clId="{952DC8EC-DDCB-44ED-9743-6C061AD7F330}" dt="2022-05-18T13:44:56.062" v="553" actId="1076"/>
        <pc:sldMkLst>
          <pc:docMk/>
          <pc:sldMk cId="1707714390" sldId="643"/>
        </pc:sldMkLst>
        <pc:spChg chg="mod">
          <ac:chgData name="Valentina Facuse" userId="8ac073aa-7feb-47c3-9cf3-f4c37dd140ee" providerId="ADAL" clId="{952DC8EC-DDCB-44ED-9743-6C061AD7F330}" dt="2022-05-18T13:44:22.143" v="546"/>
          <ac:spMkLst>
            <pc:docMk/>
            <pc:sldMk cId="1707714390" sldId="643"/>
            <ac:spMk id="2" creationId="{62466923-4D41-4DCD-9587-2855C0719472}"/>
          </ac:spMkLst>
        </pc:spChg>
        <pc:spChg chg="mod">
          <ac:chgData name="Valentina Facuse" userId="8ac073aa-7feb-47c3-9cf3-f4c37dd140ee" providerId="ADAL" clId="{952DC8EC-DDCB-44ED-9743-6C061AD7F330}" dt="2022-05-18T13:44:10.943" v="530"/>
          <ac:spMkLst>
            <pc:docMk/>
            <pc:sldMk cId="1707714390" sldId="643"/>
            <ac:spMk id="3" creationId="{B67E1C04-7AC0-47B9-A990-11C7D1776B18}"/>
          </ac:spMkLst>
        </pc:spChg>
        <pc:spChg chg="del">
          <ac:chgData name="Valentina Facuse" userId="8ac073aa-7feb-47c3-9cf3-f4c37dd140ee" providerId="ADAL" clId="{952DC8EC-DDCB-44ED-9743-6C061AD7F330}" dt="2022-05-18T13:44:27.412" v="547" actId="478"/>
          <ac:spMkLst>
            <pc:docMk/>
            <pc:sldMk cId="1707714390" sldId="643"/>
            <ac:spMk id="7" creationId="{6F575AE9-7967-A3A7-5D5A-D77311F86316}"/>
          </ac:spMkLst>
        </pc:spChg>
        <pc:picChg chg="add mod">
          <ac:chgData name="Valentina Facuse" userId="8ac073aa-7feb-47c3-9cf3-f4c37dd140ee" providerId="ADAL" clId="{952DC8EC-DDCB-44ED-9743-6C061AD7F330}" dt="2022-05-18T13:44:56.062" v="553" actId="1076"/>
          <ac:picMkLst>
            <pc:docMk/>
            <pc:sldMk cId="1707714390" sldId="643"/>
            <ac:picMk id="6" creationId="{8CC1BA0E-C1BF-9295-82BA-7B7794BD8178}"/>
          </ac:picMkLst>
        </pc:picChg>
        <pc:picChg chg="del">
          <ac:chgData name="Valentina Facuse" userId="8ac073aa-7feb-47c3-9cf3-f4c37dd140ee" providerId="ADAL" clId="{952DC8EC-DDCB-44ED-9743-6C061AD7F330}" dt="2022-05-18T13:44:38.661" v="548" actId="478"/>
          <ac:picMkLst>
            <pc:docMk/>
            <pc:sldMk cId="1707714390" sldId="643"/>
            <ac:picMk id="8" creationId="{35A1B534-156F-E6E2-1CB7-05944F7FFE28}"/>
          </ac:picMkLst>
        </pc:picChg>
      </pc:sldChg>
      <pc:sldChg chg="modSp add mod">
        <pc:chgData name="Valentina Facuse" userId="8ac073aa-7feb-47c3-9cf3-f4c37dd140ee" providerId="ADAL" clId="{952DC8EC-DDCB-44ED-9743-6C061AD7F330}" dt="2022-05-18T13:45:55.682" v="562" actId="14100"/>
        <pc:sldMkLst>
          <pc:docMk/>
          <pc:sldMk cId="1181495156" sldId="644"/>
        </pc:sldMkLst>
        <pc:spChg chg="mod">
          <ac:chgData name="Valentina Facuse" userId="8ac073aa-7feb-47c3-9cf3-f4c37dd140ee" providerId="ADAL" clId="{952DC8EC-DDCB-44ED-9743-6C061AD7F330}" dt="2022-05-18T13:45:55.682" v="562" actId="14100"/>
          <ac:spMkLst>
            <pc:docMk/>
            <pc:sldMk cId="1181495156" sldId="644"/>
            <ac:spMk id="9" creationId="{409871E0-B7BD-9CFB-28BE-4DF84D1CE16D}"/>
          </ac:spMkLst>
        </pc:spChg>
      </pc:sldChg>
      <pc:sldChg chg="addSp delSp modSp add mod">
        <pc:chgData name="Valentina Facuse" userId="8ac073aa-7feb-47c3-9cf3-f4c37dd140ee" providerId="ADAL" clId="{952DC8EC-DDCB-44ED-9743-6C061AD7F330}" dt="2022-05-18T13:47:15.342" v="573" actId="14734"/>
        <pc:sldMkLst>
          <pc:docMk/>
          <pc:sldMk cId="2899993454" sldId="645"/>
        </pc:sldMkLst>
        <pc:spChg chg="del">
          <ac:chgData name="Valentina Facuse" userId="8ac073aa-7feb-47c3-9cf3-f4c37dd140ee" providerId="ADAL" clId="{952DC8EC-DDCB-44ED-9743-6C061AD7F330}" dt="2022-05-18T13:46:36.891" v="568" actId="478"/>
          <ac:spMkLst>
            <pc:docMk/>
            <pc:sldMk cId="2899993454" sldId="645"/>
            <ac:spMk id="2" creationId="{62466923-4D41-4DCD-9587-2855C0719472}"/>
          </ac:spMkLst>
        </pc:spChg>
        <pc:spChg chg="mod">
          <ac:chgData name="Valentina Facuse" userId="8ac073aa-7feb-47c3-9cf3-f4c37dd140ee" providerId="ADAL" clId="{952DC8EC-DDCB-44ED-9743-6C061AD7F330}" dt="2022-05-18T13:46:32.426" v="567" actId="27636"/>
          <ac:spMkLst>
            <pc:docMk/>
            <pc:sldMk cId="2899993454" sldId="645"/>
            <ac:spMk id="3" creationId="{B67E1C04-7AC0-47B9-A990-11C7D1776B18}"/>
          </ac:spMkLst>
        </pc:spChg>
        <pc:spChg chg="add del mod">
          <ac:chgData name="Valentina Facuse" userId="8ac073aa-7feb-47c3-9cf3-f4c37dd140ee" providerId="ADAL" clId="{952DC8EC-DDCB-44ED-9743-6C061AD7F330}" dt="2022-05-18T13:46:41.971" v="570" actId="478"/>
          <ac:spMkLst>
            <pc:docMk/>
            <pc:sldMk cId="2899993454" sldId="645"/>
            <ac:spMk id="5" creationId="{0B782B9C-C164-9D65-E702-C4A6542FE94B}"/>
          </ac:spMkLst>
        </pc:spChg>
        <pc:graphicFrameChg chg="add mod modGraphic">
          <ac:chgData name="Valentina Facuse" userId="8ac073aa-7feb-47c3-9cf3-f4c37dd140ee" providerId="ADAL" clId="{952DC8EC-DDCB-44ED-9743-6C061AD7F330}" dt="2022-05-18T13:47:15.342" v="573" actId="14734"/>
          <ac:graphicFrameMkLst>
            <pc:docMk/>
            <pc:sldMk cId="2899993454" sldId="645"/>
            <ac:graphicFrameMk id="7" creationId="{448056AE-94DE-BB1A-C3EC-84792FDC3767}"/>
          </ac:graphicFrameMkLst>
        </pc:graphicFrameChg>
        <pc:picChg chg="del">
          <ac:chgData name="Valentina Facuse" userId="8ac073aa-7feb-47c3-9cf3-f4c37dd140ee" providerId="ADAL" clId="{952DC8EC-DDCB-44ED-9743-6C061AD7F330}" dt="2022-05-18T13:46:40.786" v="569" actId="478"/>
          <ac:picMkLst>
            <pc:docMk/>
            <pc:sldMk cId="2899993454" sldId="645"/>
            <ac:picMk id="6" creationId="{8CC1BA0E-C1BF-9295-82BA-7B7794BD8178}"/>
          </ac:picMkLst>
        </pc:picChg>
      </pc:sldChg>
      <pc:sldChg chg="modSp add mod">
        <pc:chgData name="Valentina Facuse" userId="8ac073aa-7feb-47c3-9cf3-f4c37dd140ee" providerId="ADAL" clId="{952DC8EC-DDCB-44ED-9743-6C061AD7F330}" dt="2022-05-18T13:48:06.149" v="581" actId="1076"/>
        <pc:sldMkLst>
          <pc:docMk/>
          <pc:sldMk cId="3261109311" sldId="646"/>
        </pc:sldMkLst>
        <pc:spChg chg="mod">
          <ac:chgData name="Valentina Facuse" userId="8ac073aa-7feb-47c3-9cf3-f4c37dd140ee" providerId="ADAL" clId="{952DC8EC-DDCB-44ED-9743-6C061AD7F330}" dt="2022-05-18T13:48:06.149" v="581" actId="1076"/>
          <ac:spMkLst>
            <pc:docMk/>
            <pc:sldMk cId="3261109311" sldId="646"/>
            <ac:spMk id="2" creationId="{E373D351-0C07-414D-B4BF-BBE5F1F83375}"/>
          </ac:spMkLst>
        </pc:spChg>
      </pc:sldChg>
      <pc:sldChg chg="addSp delSp modSp add mod">
        <pc:chgData name="Valentina Facuse" userId="8ac073aa-7feb-47c3-9cf3-f4c37dd140ee" providerId="ADAL" clId="{952DC8EC-DDCB-44ED-9743-6C061AD7F330}" dt="2022-05-18T14:44:24.773" v="803" actId="255"/>
        <pc:sldMkLst>
          <pc:docMk/>
          <pc:sldMk cId="4124980303" sldId="647"/>
        </pc:sldMkLst>
        <pc:spChg chg="mod">
          <ac:chgData name="Valentina Facuse" userId="8ac073aa-7feb-47c3-9cf3-f4c37dd140ee" providerId="ADAL" clId="{952DC8EC-DDCB-44ED-9743-6C061AD7F330}" dt="2022-05-18T13:48:29.198" v="620"/>
          <ac:spMkLst>
            <pc:docMk/>
            <pc:sldMk cId="4124980303" sldId="647"/>
            <ac:spMk id="3" creationId="{B67E1C04-7AC0-47B9-A990-11C7D1776B18}"/>
          </ac:spMkLst>
        </pc:spChg>
        <pc:spChg chg="add mod">
          <ac:chgData name="Valentina Facuse" userId="8ac073aa-7feb-47c3-9cf3-f4c37dd140ee" providerId="ADAL" clId="{952DC8EC-DDCB-44ED-9743-6C061AD7F330}" dt="2022-05-18T14:44:24.773" v="803" actId="255"/>
          <ac:spMkLst>
            <pc:docMk/>
            <pc:sldMk cId="4124980303" sldId="647"/>
            <ac:spMk id="5" creationId="{574C40C1-F82E-071A-AD43-DC214A957B28}"/>
          </ac:spMkLst>
        </pc:spChg>
        <pc:spChg chg="del">
          <ac:chgData name="Valentina Facuse" userId="8ac073aa-7feb-47c3-9cf3-f4c37dd140ee" providerId="ADAL" clId="{952DC8EC-DDCB-44ED-9743-6C061AD7F330}" dt="2022-05-18T13:48:41.307" v="622" actId="478"/>
          <ac:spMkLst>
            <pc:docMk/>
            <pc:sldMk cId="4124980303" sldId="647"/>
            <ac:spMk id="9" creationId="{409871E0-B7BD-9CFB-28BE-4DF84D1CE16D}"/>
          </ac:spMkLst>
        </pc:spChg>
        <pc:picChg chg="del">
          <ac:chgData name="Valentina Facuse" userId="8ac073aa-7feb-47c3-9cf3-f4c37dd140ee" providerId="ADAL" clId="{952DC8EC-DDCB-44ED-9743-6C061AD7F330}" dt="2022-05-18T13:48:40.114" v="621" actId="478"/>
          <ac:picMkLst>
            <pc:docMk/>
            <pc:sldMk cId="4124980303" sldId="647"/>
            <ac:picMk id="8" creationId="{A74C77A8-B875-61B4-0671-59662771975B}"/>
          </ac:picMkLst>
        </pc:picChg>
      </pc:sldChg>
      <pc:sldChg chg="addSp delSp modSp add mod">
        <pc:chgData name="Valentina Facuse" userId="8ac073aa-7feb-47c3-9cf3-f4c37dd140ee" providerId="ADAL" clId="{952DC8EC-DDCB-44ED-9743-6C061AD7F330}" dt="2022-05-18T14:44:43.802" v="807" actId="255"/>
        <pc:sldMkLst>
          <pc:docMk/>
          <pc:sldMk cId="249880718" sldId="648"/>
        </pc:sldMkLst>
        <pc:spChg chg="mod">
          <ac:chgData name="Valentina Facuse" userId="8ac073aa-7feb-47c3-9cf3-f4c37dd140ee" providerId="ADAL" clId="{952DC8EC-DDCB-44ED-9743-6C061AD7F330}" dt="2022-05-18T13:49:13.454" v="639"/>
          <ac:spMkLst>
            <pc:docMk/>
            <pc:sldMk cId="249880718" sldId="648"/>
            <ac:spMk id="3" creationId="{B67E1C04-7AC0-47B9-A990-11C7D1776B18}"/>
          </ac:spMkLst>
        </pc:spChg>
        <pc:spChg chg="add del mod">
          <ac:chgData name="Valentina Facuse" userId="8ac073aa-7feb-47c3-9cf3-f4c37dd140ee" providerId="ADAL" clId="{952DC8EC-DDCB-44ED-9743-6C061AD7F330}" dt="2022-05-18T13:49:30.917" v="643" actId="478"/>
          <ac:spMkLst>
            <pc:docMk/>
            <pc:sldMk cId="249880718" sldId="648"/>
            <ac:spMk id="4" creationId="{18BEB6EE-F611-1A18-0291-501DAA1C5C1C}"/>
          </ac:spMkLst>
        </pc:spChg>
        <pc:spChg chg="del">
          <ac:chgData name="Valentina Facuse" userId="8ac073aa-7feb-47c3-9cf3-f4c37dd140ee" providerId="ADAL" clId="{952DC8EC-DDCB-44ED-9743-6C061AD7F330}" dt="2022-05-18T13:49:22.844" v="640" actId="478"/>
          <ac:spMkLst>
            <pc:docMk/>
            <pc:sldMk cId="249880718" sldId="648"/>
            <ac:spMk id="5" creationId="{574C40C1-F82E-071A-AD43-DC214A957B28}"/>
          </ac:spMkLst>
        </pc:spChg>
        <pc:spChg chg="add mod">
          <ac:chgData name="Valentina Facuse" userId="8ac073aa-7feb-47c3-9cf3-f4c37dd140ee" providerId="ADAL" clId="{952DC8EC-DDCB-44ED-9743-6C061AD7F330}" dt="2022-05-18T14:44:43.802" v="807" actId="255"/>
          <ac:spMkLst>
            <pc:docMk/>
            <pc:sldMk cId="249880718" sldId="648"/>
            <ac:spMk id="6" creationId="{9A69DF9C-D7BF-40D4-5CBF-3AC8677C3EAC}"/>
          </ac:spMkLst>
        </pc:spChg>
      </pc:sldChg>
      <pc:sldChg chg="modSp add mod">
        <pc:chgData name="Valentina Facuse" userId="8ac073aa-7feb-47c3-9cf3-f4c37dd140ee" providerId="ADAL" clId="{952DC8EC-DDCB-44ED-9743-6C061AD7F330}" dt="2022-05-18T13:50:14.662" v="652" actId="1076"/>
        <pc:sldMkLst>
          <pc:docMk/>
          <pc:sldMk cId="2522695746" sldId="649"/>
        </pc:sldMkLst>
        <pc:spChg chg="mod">
          <ac:chgData name="Valentina Facuse" userId="8ac073aa-7feb-47c3-9cf3-f4c37dd140ee" providerId="ADAL" clId="{952DC8EC-DDCB-44ED-9743-6C061AD7F330}" dt="2022-05-18T13:50:14.662" v="652" actId="1076"/>
          <ac:spMkLst>
            <pc:docMk/>
            <pc:sldMk cId="2522695746" sldId="649"/>
            <ac:spMk id="2" creationId="{E373D351-0C07-414D-B4BF-BBE5F1F83375}"/>
          </ac:spMkLst>
        </pc:spChg>
      </pc:sldChg>
      <pc:sldChg chg="addSp delSp modSp add mod">
        <pc:chgData name="Valentina Facuse" userId="8ac073aa-7feb-47c3-9cf3-f4c37dd140ee" providerId="ADAL" clId="{952DC8EC-DDCB-44ED-9743-6C061AD7F330}" dt="2022-05-18T13:50:59.019" v="673" actId="1076"/>
        <pc:sldMkLst>
          <pc:docMk/>
          <pc:sldMk cId="1611420618" sldId="650"/>
        </pc:sldMkLst>
        <pc:spChg chg="mod">
          <ac:chgData name="Valentina Facuse" userId="8ac073aa-7feb-47c3-9cf3-f4c37dd140ee" providerId="ADAL" clId="{952DC8EC-DDCB-44ED-9743-6C061AD7F330}" dt="2022-05-18T13:50:38.589" v="667"/>
          <ac:spMkLst>
            <pc:docMk/>
            <pc:sldMk cId="1611420618" sldId="650"/>
            <ac:spMk id="3" creationId="{B67E1C04-7AC0-47B9-A990-11C7D1776B18}"/>
          </ac:spMkLst>
        </pc:spChg>
        <pc:spChg chg="add del mod">
          <ac:chgData name="Valentina Facuse" userId="8ac073aa-7feb-47c3-9cf3-f4c37dd140ee" providerId="ADAL" clId="{952DC8EC-DDCB-44ED-9743-6C061AD7F330}" dt="2022-05-18T13:50:52.322" v="672" actId="478"/>
          <ac:spMkLst>
            <pc:docMk/>
            <pc:sldMk cId="1611420618" sldId="650"/>
            <ac:spMk id="4" creationId="{FC53E9BF-EB92-FB88-AF1A-3C178C9578BA}"/>
          </ac:spMkLst>
        </pc:spChg>
        <pc:spChg chg="del">
          <ac:chgData name="Valentina Facuse" userId="8ac073aa-7feb-47c3-9cf3-f4c37dd140ee" providerId="ADAL" clId="{952DC8EC-DDCB-44ED-9743-6C061AD7F330}" dt="2022-05-18T13:50:46.076" v="668" actId="478"/>
          <ac:spMkLst>
            <pc:docMk/>
            <pc:sldMk cId="1611420618" sldId="650"/>
            <ac:spMk id="5" creationId="{574C40C1-F82E-071A-AD43-DC214A957B28}"/>
          </ac:spMkLst>
        </pc:spChg>
        <pc:spChg chg="add mod">
          <ac:chgData name="Valentina Facuse" userId="8ac073aa-7feb-47c3-9cf3-f4c37dd140ee" providerId="ADAL" clId="{952DC8EC-DDCB-44ED-9743-6C061AD7F330}" dt="2022-05-18T13:50:59.019" v="673" actId="1076"/>
          <ac:spMkLst>
            <pc:docMk/>
            <pc:sldMk cId="1611420618" sldId="650"/>
            <ac:spMk id="6" creationId="{DFD3E05C-B9FC-8065-1833-AA29BE49F2FE}"/>
          </ac:spMkLst>
        </pc:spChg>
      </pc:sldChg>
      <pc:sldChg chg="addSp delSp modSp add mod modShow">
        <pc:chgData name="Valentina Facuse" userId="8ac073aa-7feb-47c3-9cf3-f4c37dd140ee" providerId="ADAL" clId="{952DC8EC-DDCB-44ED-9743-6C061AD7F330}" dt="2022-05-18T13:52:38.683" v="704" actId="729"/>
        <pc:sldMkLst>
          <pc:docMk/>
          <pc:sldMk cId="3554156496" sldId="651"/>
        </pc:sldMkLst>
        <pc:spChg chg="mod">
          <ac:chgData name="Valentina Facuse" userId="8ac073aa-7feb-47c3-9cf3-f4c37dd140ee" providerId="ADAL" clId="{952DC8EC-DDCB-44ED-9743-6C061AD7F330}" dt="2022-05-18T13:51:49.558" v="698"/>
          <ac:spMkLst>
            <pc:docMk/>
            <pc:sldMk cId="3554156496" sldId="651"/>
            <ac:spMk id="3" creationId="{B67E1C04-7AC0-47B9-A990-11C7D1776B18}"/>
          </ac:spMkLst>
        </pc:spChg>
        <pc:spChg chg="del">
          <ac:chgData name="Valentina Facuse" userId="8ac073aa-7feb-47c3-9cf3-f4c37dd140ee" providerId="ADAL" clId="{952DC8EC-DDCB-44ED-9743-6C061AD7F330}" dt="2022-05-18T13:51:52.490" v="699" actId="478"/>
          <ac:spMkLst>
            <pc:docMk/>
            <pc:sldMk cId="3554156496" sldId="651"/>
            <ac:spMk id="6" creationId="{DFD3E05C-B9FC-8065-1833-AA29BE49F2FE}"/>
          </ac:spMkLst>
        </pc:spChg>
        <pc:spChg chg="mod">
          <ac:chgData name="Valentina Facuse" userId="8ac073aa-7feb-47c3-9cf3-f4c37dd140ee" providerId="ADAL" clId="{952DC8EC-DDCB-44ED-9743-6C061AD7F330}" dt="2022-05-18T13:52:25.396" v="702" actId="1076"/>
          <ac:spMkLst>
            <pc:docMk/>
            <pc:sldMk cId="3554156496" sldId="651"/>
            <ac:spMk id="7" creationId="{C4F86DBC-5C11-8ED6-08CB-3868971AA5F1}"/>
          </ac:spMkLst>
        </pc:spChg>
        <pc:spChg chg="mod">
          <ac:chgData name="Valentina Facuse" userId="8ac073aa-7feb-47c3-9cf3-f4c37dd140ee" providerId="ADAL" clId="{952DC8EC-DDCB-44ED-9743-6C061AD7F330}" dt="2022-05-18T13:52:25.396" v="702" actId="1076"/>
          <ac:spMkLst>
            <pc:docMk/>
            <pc:sldMk cId="3554156496" sldId="651"/>
            <ac:spMk id="8" creationId="{344CFBC0-3C06-6AE7-F1A4-9AF9889CD321}"/>
          </ac:spMkLst>
        </pc:spChg>
        <pc:spChg chg="mod">
          <ac:chgData name="Valentina Facuse" userId="8ac073aa-7feb-47c3-9cf3-f4c37dd140ee" providerId="ADAL" clId="{952DC8EC-DDCB-44ED-9743-6C061AD7F330}" dt="2022-05-18T13:52:25.396" v="702" actId="1076"/>
          <ac:spMkLst>
            <pc:docMk/>
            <pc:sldMk cId="3554156496" sldId="651"/>
            <ac:spMk id="9" creationId="{23D7CE26-2535-3F43-95AD-5AC0764ACB43}"/>
          </ac:spMkLst>
        </pc:spChg>
        <pc:spChg chg="mod">
          <ac:chgData name="Valentina Facuse" userId="8ac073aa-7feb-47c3-9cf3-f4c37dd140ee" providerId="ADAL" clId="{952DC8EC-DDCB-44ED-9743-6C061AD7F330}" dt="2022-05-18T13:52:25.396" v="702" actId="1076"/>
          <ac:spMkLst>
            <pc:docMk/>
            <pc:sldMk cId="3554156496" sldId="651"/>
            <ac:spMk id="10" creationId="{C989F5E4-A3A6-193C-8E28-E3AA6C79046E}"/>
          </ac:spMkLst>
        </pc:spChg>
        <pc:spChg chg="mod">
          <ac:chgData name="Valentina Facuse" userId="8ac073aa-7feb-47c3-9cf3-f4c37dd140ee" providerId="ADAL" clId="{952DC8EC-DDCB-44ED-9743-6C061AD7F330}" dt="2022-05-18T13:52:25.396" v="702" actId="1076"/>
          <ac:spMkLst>
            <pc:docMk/>
            <pc:sldMk cId="3554156496" sldId="651"/>
            <ac:spMk id="12" creationId="{D1DF69FD-A7ED-74EE-F553-624E446CDF16}"/>
          </ac:spMkLst>
        </pc:spChg>
        <pc:spChg chg="mod">
          <ac:chgData name="Valentina Facuse" userId="8ac073aa-7feb-47c3-9cf3-f4c37dd140ee" providerId="ADAL" clId="{952DC8EC-DDCB-44ED-9743-6C061AD7F330}" dt="2022-05-18T13:52:25.396" v="702" actId="1076"/>
          <ac:spMkLst>
            <pc:docMk/>
            <pc:sldMk cId="3554156496" sldId="651"/>
            <ac:spMk id="14" creationId="{010C0E66-972A-D28E-3F5E-CBFC350BDDEB}"/>
          </ac:spMkLst>
        </pc:spChg>
        <pc:spChg chg="mod">
          <ac:chgData name="Valentina Facuse" userId="8ac073aa-7feb-47c3-9cf3-f4c37dd140ee" providerId="ADAL" clId="{952DC8EC-DDCB-44ED-9743-6C061AD7F330}" dt="2022-05-18T13:52:25.396" v="702" actId="1076"/>
          <ac:spMkLst>
            <pc:docMk/>
            <pc:sldMk cId="3554156496" sldId="651"/>
            <ac:spMk id="16" creationId="{88137D9C-0AB7-6B3E-72D1-BB39273B9D39}"/>
          </ac:spMkLst>
        </pc:spChg>
        <pc:spChg chg="mod">
          <ac:chgData name="Valentina Facuse" userId="8ac073aa-7feb-47c3-9cf3-f4c37dd140ee" providerId="ADAL" clId="{952DC8EC-DDCB-44ED-9743-6C061AD7F330}" dt="2022-05-18T13:52:25.396" v="702" actId="1076"/>
          <ac:spMkLst>
            <pc:docMk/>
            <pc:sldMk cId="3554156496" sldId="651"/>
            <ac:spMk id="18" creationId="{56D5F750-FF6A-3CEE-5635-DD2DD86391A7}"/>
          </ac:spMkLst>
        </pc:spChg>
        <pc:spChg chg="mod">
          <ac:chgData name="Valentina Facuse" userId="8ac073aa-7feb-47c3-9cf3-f4c37dd140ee" providerId="ADAL" clId="{952DC8EC-DDCB-44ED-9743-6C061AD7F330}" dt="2022-05-18T13:52:25.396" v="702" actId="1076"/>
          <ac:spMkLst>
            <pc:docMk/>
            <pc:sldMk cId="3554156496" sldId="651"/>
            <ac:spMk id="20" creationId="{6A5DFF99-56D8-5666-3840-7DD51DD82B5E}"/>
          </ac:spMkLst>
        </pc:spChg>
        <pc:spChg chg="mod">
          <ac:chgData name="Valentina Facuse" userId="8ac073aa-7feb-47c3-9cf3-f4c37dd140ee" providerId="ADAL" clId="{952DC8EC-DDCB-44ED-9743-6C061AD7F330}" dt="2022-05-18T13:52:25.396" v="702" actId="1076"/>
          <ac:spMkLst>
            <pc:docMk/>
            <pc:sldMk cId="3554156496" sldId="651"/>
            <ac:spMk id="22" creationId="{487F3F4C-A512-BFC3-8E0A-168C294E67D9}"/>
          </ac:spMkLst>
        </pc:spChg>
        <pc:spChg chg="mod">
          <ac:chgData name="Valentina Facuse" userId="8ac073aa-7feb-47c3-9cf3-f4c37dd140ee" providerId="ADAL" clId="{952DC8EC-DDCB-44ED-9743-6C061AD7F330}" dt="2022-05-18T13:52:25.396" v="702" actId="1076"/>
          <ac:spMkLst>
            <pc:docMk/>
            <pc:sldMk cId="3554156496" sldId="651"/>
            <ac:spMk id="24" creationId="{2D49B688-F124-4657-A098-1A1CAD3726B4}"/>
          </ac:spMkLst>
        </pc:spChg>
        <pc:spChg chg="mod">
          <ac:chgData name="Valentina Facuse" userId="8ac073aa-7feb-47c3-9cf3-f4c37dd140ee" providerId="ADAL" clId="{952DC8EC-DDCB-44ED-9743-6C061AD7F330}" dt="2022-05-18T13:52:25.396" v="702" actId="1076"/>
          <ac:spMkLst>
            <pc:docMk/>
            <pc:sldMk cId="3554156496" sldId="651"/>
            <ac:spMk id="26" creationId="{49EB8091-B917-8E3E-7BB3-AB0B84F45BA1}"/>
          </ac:spMkLst>
        </pc:spChg>
        <pc:spChg chg="mod">
          <ac:chgData name="Valentina Facuse" userId="8ac073aa-7feb-47c3-9cf3-f4c37dd140ee" providerId="ADAL" clId="{952DC8EC-DDCB-44ED-9743-6C061AD7F330}" dt="2022-05-18T13:52:25.396" v="702" actId="1076"/>
          <ac:spMkLst>
            <pc:docMk/>
            <pc:sldMk cId="3554156496" sldId="651"/>
            <ac:spMk id="28" creationId="{2174E0B4-52A9-BB44-EE91-3671D7E6EFB8}"/>
          </ac:spMkLst>
        </pc:spChg>
        <pc:spChg chg="mod">
          <ac:chgData name="Valentina Facuse" userId="8ac073aa-7feb-47c3-9cf3-f4c37dd140ee" providerId="ADAL" clId="{952DC8EC-DDCB-44ED-9743-6C061AD7F330}" dt="2022-05-18T13:52:25.396" v="702" actId="1076"/>
          <ac:spMkLst>
            <pc:docMk/>
            <pc:sldMk cId="3554156496" sldId="651"/>
            <ac:spMk id="30" creationId="{4D08DF76-B103-D9F2-175D-FFFAA20FB812}"/>
          </ac:spMkLst>
        </pc:spChg>
        <pc:spChg chg="mod">
          <ac:chgData name="Valentina Facuse" userId="8ac073aa-7feb-47c3-9cf3-f4c37dd140ee" providerId="ADAL" clId="{952DC8EC-DDCB-44ED-9743-6C061AD7F330}" dt="2022-05-18T13:52:25.396" v="702" actId="1076"/>
          <ac:spMkLst>
            <pc:docMk/>
            <pc:sldMk cId="3554156496" sldId="651"/>
            <ac:spMk id="32" creationId="{45DA6676-4EAF-0890-8FB2-B83C55657288}"/>
          </ac:spMkLst>
        </pc:spChg>
        <pc:spChg chg="mod">
          <ac:chgData name="Valentina Facuse" userId="8ac073aa-7feb-47c3-9cf3-f4c37dd140ee" providerId="ADAL" clId="{952DC8EC-DDCB-44ED-9743-6C061AD7F330}" dt="2022-05-18T13:52:25.396" v="702" actId="1076"/>
          <ac:spMkLst>
            <pc:docMk/>
            <pc:sldMk cId="3554156496" sldId="651"/>
            <ac:spMk id="33" creationId="{2CEBE8F9-AE2E-1D28-DD06-057F5C44C3B8}"/>
          </ac:spMkLst>
        </pc:spChg>
        <pc:spChg chg="mod">
          <ac:chgData name="Valentina Facuse" userId="8ac073aa-7feb-47c3-9cf3-f4c37dd140ee" providerId="ADAL" clId="{952DC8EC-DDCB-44ED-9743-6C061AD7F330}" dt="2022-05-18T13:52:25.396" v="702" actId="1076"/>
          <ac:spMkLst>
            <pc:docMk/>
            <pc:sldMk cId="3554156496" sldId="651"/>
            <ac:spMk id="34" creationId="{14AE7666-E11E-934C-7463-7284A89DA2FD}"/>
          </ac:spMkLst>
        </pc:spChg>
        <pc:spChg chg="mod">
          <ac:chgData name="Valentina Facuse" userId="8ac073aa-7feb-47c3-9cf3-f4c37dd140ee" providerId="ADAL" clId="{952DC8EC-DDCB-44ED-9743-6C061AD7F330}" dt="2022-05-18T13:52:25.396" v="702" actId="1076"/>
          <ac:spMkLst>
            <pc:docMk/>
            <pc:sldMk cId="3554156496" sldId="651"/>
            <ac:spMk id="35" creationId="{656120B2-C855-5B29-5A94-CFDCCB260289}"/>
          </ac:spMkLst>
        </pc:spChg>
        <pc:spChg chg="mod">
          <ac:chgData name="Valentina Facuse" userId="8ac073aa-7feb-47c3-9cf3-f4c37dd140ee" providerId="ADAL" clId="{952DC8EC-DDCB-44ED-9743-6C061AD7F330}" dt="2022-05-18T13:52:25.396" v="702" actId="1076"/>
          <ac:spMkLst>
            <pc:docMk/>
            <pc:sldMk cId="3554156496" sldId="651"/>
            <ac:spMk id="36" creationId="{9EA1C1B1-5B9B-5C4D-8977-822C2BD7D871}"/>
          </ac:spMkLst>
        </pc:spChg>
        <pc:spChg chg="mod">
          <ac:chgData name="Valentina Facuse" userId="8ac073aa-7feb-47c3-9cf3-f4c37dd140ee" providerId="ADAL" clId="{952DC8EC-DDCB-44ED-9743-6C061AD7F330}" dt="2022-05-18T13:52:25.396" v="702" actId="1076"/>
          <ac:spMkLst>
            <pc:docMk/>
            <pc:sldMk cId="3554156496" sldId="651"/>
            <ac:spMk id="37" creationId="{8BD7DBAF-DF7D-1859-5D16-768328A8D130}"/>
          </ac:spMkLst>
        </pc:spChg>
        <pc:spChg chg="mod">
          <ac:chgData name="Valentina Facuse" userId="8ac073aa-7feb-47c3-9cf3-f4c37dd140ee" providerId="ADAL" clId="{952DC8EC-DDCB-44ED-9743-6C061AD7F330}" dt="2022-05-18T13:52:25.396" v="702" actId="1076"/>
          <ac:spMkLst>
            <pc:docMk/>
            <pc:sldMk cId="3554156496" sldId="651"/>
            <ac:spMk id="38" creationId="{B89889AF-9677-3617-EC2F-24717036DE68}"/>
          </ac:spMkLst>
        </pc:spChg>
        <pc:spChg chg="mod">
          <ac:chgData name="Valentina Facuse" userId="8ac073aa-7feb-47c3-9cf3-f4c37dd140ee" providerId="ADAL" clId="{952DC8EC-DDCB-44ED-9743-6C061AD7F330}" dt="2022-05-18T13:52:25.396" v="702" actId="1076"/>
          <ac:spMkLst>
            <pc:docMk/>
            <pc:sldMk cId="3554156496" sldId="651"/>
            <ac:spMk id="39" creationId="{44688BC0-053F-9602-38C0-34E6DA849EE3}"/>
          </ac:spMkLst>
        </pc:spChg>
        <pc:spChg chg="mod">
          <ac:chgData name="Valentina Facuse" userId="8ac073aa-7feb-47c3-9cf3-f4c37dd140ee" providerId="ADAL" clId="{952DC8EC-DDCB-44ED-9743-6C061AD7F330}" dt="2022-05-18T13:52:25.396" v="702" actId="1076"/>
          <ac:spMkLst>
            <pc:docMk/>
            <pc:sldMk cId="3554156496" sldId="651"/>
            <ac:spMk id="40" creationId="{7D44C579-2038-6C1E-2EBA-7C2EC7471725}"/>
          </ac:spMkLst>
        </pc:spChg>
        <pc:spChg chg="mod">
          <ac:chgData name="Valentina Facuse" userId="8ac073aa-7feb-47c3-9cf3-f4c37dd140ee" providerId="ADAL" clId="{952DC8EC-DDCB-44ED-9743-6C061AD7F330}" dt="2022-05-18T13:52:25.396" v="702" actId="1076"/>
          <ac:spMkLst>
            <pc:docMk/>
            <pc:sldMk cId="3554156496" sldId="651"/>
            <ac:spMk id="41" creationId="{5C63EFA3-35F3-1F50-4199-7A86BDBCFBAF}"/>
          </ac:spMkLst>
        </pc:spChg>
        <pc:spChg chg="mod">
          <ac:chgData name="Valentina Facuse" userId="8ac073aa-7feb-47c3-9cf3-f4c37dd140ee" providerId="ADAL" clId="{952DC8EC-DDCB-44ED-9743-6C061AD7F330}" dt="2022-05-18T13:52:25.396" v="702" actId="1076"/>
          <ac:spMkLst>
            <pc:docMk/>
            <pc:sldMk cId="3554156496" sldId="651"/>
            <ac:spMk id="42" creationId="{9B28FD68-B390-2339-8D8D-184FDFDC62D9}"/>
          </ac:spMkLst>
        </pc:spChg>
        <pc:spChg chg="mod">
          <ac:chgData name="Valentina Facuse" userId="8ac073aa-7feb-47c3-9cf3-f4c37dd140ee" providerId="ADAL" clId="{952DC8EC-DDCB-44ED-9743-6C061AD7F330}" dt="2022-05-18T13:52:25.396" v="702" actId="1076"/>
          <ac:spMkLst>
            <pc:docMk/>
            <pc:sldMk cId="3554156496" sldId="651"/>
            <ac:spMk id="43" creationId="{9B307131-34AD-DFC3-3053-33505D29D1CC}"/>
          </ac:spMkLst>
        </pc:spChg>
        <pc:spChg chg="mod">
          <ac:chgData name="Valentina Facuse" userId="8ac073aa-7feb-47c3-9cf3-f4c37dd140ee" providerId="ADAL" clId="{952DC8EC-DDCB-44ED-9743-6C061AD7F330}" dt="2022-05-18T13:52:25.396" v="702" actId="1076"/>
          <ac:spMkLst>
            <pc:docMk/>
            <pc:sldMk cId="3554156496" sldId="651"/>
            <ac:spMk id="44" creationId="{EE8D942A-C465-28E0-9A4F-BAE3C6E586F9}"/>
          </ac:spMkLst>
        </pc:spChg>
        <pc:spChg chg="mod">
          <ac:chgData name="Valentina Facuse" userId="8ac073aa-7feb-47c3-9cf3-f4c37dd140ee" providerId="ADAL" clId="{952DC8EC-DDCB-44ED-9743-6C061AD7F330}" dt="2022-05-18T13:52:25.396" v="702" actId="1076"/>
          <ac:spMkLst>
            <pc:docMk/>
            <pc:sldMk cId="3554156496" sldId="651"/>
            <ac:spMk id="45" creationId="{32177ABF-31C0-BAC6-EC72-6C1A7C677C4E}"/>
          </ac:spMkLst>
        </pc:spChg>
        <pc:spChg chg="mod">
          <ac:chgData name="Valentina Facuse" userId="8ac073aa-7feb-47c3-9cf3-f4c37dd140ee" providerId="ADAL" clId="{952DC8EC-DDCB-44ED-9743-6C061AD7F330}" dt="2022-05-18T13:52:25.396" v="702" actId="1076"/>
          <ac:spMkLst>
            <pc:docMk/>
            <pc:sldMk cId="3554156496" sldId="651"/>
            <ac:spMk id="46" creationId="{50AD1E03-B136-AE3E-9B9E-E176027141C3}"/>
          </ac:spMkLst>
        </pc:spChg>
        <pc:spChg chg="mod">
          <ac:chgData name="Valentina Facuse" userId="8ac073aa-7feb-47c3-9cf3-f4c37dd140ee" providerId="ADAL" clId="{952DC8EC-DDCB-44ED-9743-6C061AD7F330}" dt="2022-05-18T13:52:25.396" v="702" actId="1076"/>
          <ac:spMkLst>
            <pc:docMk/>
            <pc:sldMk cId="3554156496" sldId="651"/>
            <ac:spMk id="47" creationId="{D725EBF2-6DEA-EA7F-0BAB-3EAE517F0D2B}"/>
          </ac:spMkLst>
        </pc:spChg>
        <pc:spChg chg="mod">
          <ac:chgData name="Valentina Facuse" userId="8ac073aa-7feb-47c3-9cf3-f4c37dd140ee" providerId="ADAL" clId="{952DC8EC-DDCB-44ED-9743-6C061AD7F330}" dt="2022-05-18T13:52:25.396" v="702" actId="1076"/>
          <ac:spMkLst>
            <pc:docMk/>
            <pc:sldMk cId="3554156496" sldId="651"/>
            <ac:spMk id="48" creationId="{448B4338-A61E-3B37-0176-F3F639DF3E72}"/>
          </ac:spMkLst>
        </pc:spChg>
        <pc:spChg chg="mod">
          <ac:chgData name="Valentina Facuse" userId="8ac073aa-7feb-47c3-9cf3-f4c37dd140ee" providerId="ADAL" clId="{952DC8EC-DDCB-44ED-9743-6C061AD7F330}" dt="2022-05-18T13:52:25.396" v="702" actId="1076"/>
          <ac:spMkLst>
            <pc:docMk/>
            <pc:sldMk cId="3554156496" sldId="651"/>
            <ac:spMk id="49" creationId="{6F138E9E-606C-535D-71BC-FE37E0B792FC}"/>
          </ac:spMkLst>
        </pc:spChg>
        <pc:spChg chg="mod">
          <ac:chgData name="Valentina Facuse" userId="8ac073aa-7feb-47c3-9cf3-f4c37dd140ee" providerId="ADAL" clId="{952DC8EC-DDCB-44ED-9743-6C061AD7F330}" dt="2022-05-18T13:52:25.396" v="702" actId="1076"/>
          <ac:spMkLst>
            <pc:docMk/>
            <pc:sldMk cId="3554156496" sldId="651"/>
            <ac:spMk id="50" creationId="{7A5B2ED5-5091-DFC0-5DDC-91D728BEED48}"/>
          </ac:spMkLst>
        </pc:spChg>
        <pc:spChg chg="mod">
          <ac:chgData name="Valentina Facuse" userId="8ac073aa-7feb-47c3-9cf3-f4c37dd140ee" providerId="ADAL" clId="{952DC8EC-DDCB-44ED-9743-6C061AD7F330}" dt="2022-05-18T13:52:25.396" v="702" actId="1076"/>
          <ac:spMkLst>
            <pc:docMk/>
            <pc:sldMk cId="3554156496" sldId="651"/>
            <ac:spMk id="52" creationId="{3B25DBE7-400D-9F9A-8A26-9DD2B2188B2D}"/>
          </ac:spMkLst>
        </pc:spChg>
        <pc:spChg chg="mod">
          <ac:chgData name="Valentina Facuse" userId="8ac073aa-7feb-47c3-9cf3-f4c37dd140ee" providerId="ADAL" clId="{952DC8EC-DDCB-44ED-9743-6C061AD7F330}" dt="2022-05-18T13:52:25.396" v="702" actId="1076"/>
          <ac:spMkLst>
            <pc:docMk/>
            <pc:sldMk cId="3554156496" sldId="651"/>
            <ac:spMk id="53" creationId="{6EBED69D-48A5-11DA-112F-92F0626C82B2}"/>
          </ac:spMkLst>
        </pc:spChg>
        <pc:spChg chg="mod">
          <ac:chgData name="Valentina Facuse" userId="8ac073aa-7feb-47c3-9cf3-f4c37dd140ee" providerId="ADAL" clId="{952DC8EC-DDCB-44ED-9743-6C061AD7F330}" dt="2022-05-18T13:52:25.396" v="702" actId="1076"/>
          <ac:spMkLst>
            <pc:docMk/>
            <pc:sldMk cId="3554156496" sldId="651"/>
            <ac:spMk id="54" creationId="{42B828DB-8FEB-CA9B-9298-96F675FDE427}"/>
          </ac:spMkLst>
        </pc:spChg>
        <pc:spChg chg="mod">
          <ac:chgData name="Valentina Facuse" userId="8ac073aa-7feb-47c3-9cf3-f4c37dd140ee" providerId="ADAL" clId="{952DC8EC-DDCB-44ED-9743-6C061AD7F330}" dt="2022-05-18T13:52:25.396" v="702" actId="1076"/>
          <ac:spMkLst>
            <pc:docMk/>
            <pc:sldMk cId="3554156496" sldId="651"/>
            <ac:spMk id="55" creationId="{E5DA05EA-9FE5-F2EE-0F2A-DF023DF59448}"/>
          </ac:spMkLst>
        </pc:spChg>
        <pc:spChg chg="mod">
          <ac:chgData name="Valentina Facuse" userId="8ac073aa-7feb-47c3-9cf3-f4c37dd140ee" providerId="ADAL" clId="{952DC8EC-DDCB-44ED-9743-6C061AD7F330}" dt="2022-05-18T13:52:25.396" v="702" actId="1076"/>
          <ac:spMkLst>
            <pc:docMk/>
            <pc:sldMk cId="3554156496" sldId="651"/>
            <ac:spMk id="56" creationId="{746E98D2-0448-E6BA-C6F5-70CF2397BFFB}"/>
          </ac:spMkLst>
        </pc:spChg>
        <pc:spChg chg="mod">
          <ac:chgData name="Valentina Facuse" userId="8ac073aa-7feb-47c3-9cf3-f4c37dd140ee" providerId="ADAL" clId="{952DC8EC-DDCB-44ED-9743-6C061AD7F330}" dt="2022-05-18T13:52:25.396" v="702" actId="1076"/>
          <ac:spMkLst>
            <pc:docMk/>
            <pc:sldMk cId="3554156496" sldId="651"/>
            <ac:spMk id="57" creationId="{E5F6AAC6-E8CE-3A9F-CF10-112DBEBA0E3E}"/>
          </ac:spMkLst>
        </pc:spChg>
        <pc:spChg chg="mod">
          <ac:chgData name="Valentina Facuse" userId="8ac073aa-7feb-47c3-9cf3-f4c37dd140ee" providerId="ADAL" clId="{952DC8EC-DDCB-44ED-9743-6C061AD7F330}" dt="2022-05-18T13:52:25.396" v="702" actId="1076"/>
          <ac:spMkLst>
            <pc:docMk/>
            <pc:sldMk cId="3554156496" sldId="651"/>
            <ac:spMk id="59" creationId="{FAD5D9F1-7845-6CE4-F822-E1FB28DAABF2}"/>
          </ac:spMkLst>
        </pc:spChg>
        <pc:spChg chg="mod">
          <ac:chgData name="Valentina Facuse" userId="8ac073aa-7feb-47c3-9cf3-f4c37dd140ee" providerId="ADAL" clId="{952DC8EC-DDCB-44ED-9743-6C061AD7F330}" dt="2022-05-18T13:52:25.396" v="702" actId="1076"/>
          <ac:spMkLst>
            <pc:docMk/>
            <pc:sldMk cId="3554156496" sldId="651"/>
            <ac:spMk id="60" creationId="{47DB7C7D-C238-0B9B-FDCE-6B9A7A3D34C6}"/>
          </ac:spMkLst>
        </pc:spChg>
        <pc:spChg chg="mod">
          <ac:chgData name="Valentina Facuse" userId="8ac073aa-7feb-47c3-9cf3-f4c37dd140ee" providerId="ADAL" clId="{952DC8EC-DDCB-44ED-9743-6C061AD7F330}" dt="2022-05-18T13:52:25.396" v="702" actId="1076"/>
          <ac:spMkLst>
            <pc:docMk/>
            <pc:sldMk cId="3554156496" sldId="651"/>
            <ac:spMk id="61" creationId="{2FF12FCB-CC8C-7E97-8700-925FB7857E1B}"/>
          </ac:spMkLst>
        </pc:spChg>
        <pc:spChg chg="mod">
          <ac:chgData name="Valentina Facuse" userId="8ac073aa-7feb-47c3-9cf3-f4c37dd140ee" providerId="ADAL" clId="{952DC8EC-DDCB-44ED-9743-6C061AD7F330}" dt="2022-05-18T13:52:25.396" v="702" actId="1076"/>
          <ac:spMkLst>
            <pc:docMk/>
            <pc:sldMk cId="3554156496" sldId="651"/>
            <ac:spMk id="62" creationId="{B22CBA86-76B5-794E-3258-C6102CE2618D}"/>
          </ac:spMkLst>
        </pc:spChg>
        <pc:spChg chg="mod">
          <ac:chgData name="Valentina Facuse" userId="8ac073aa-7feb-47c3-9cf3-f4c37dd140ee" providerId="ADAL" clId="{952DC8EC-DDCB-44ED-9743-6C061AD7F330}" dt="2022-05-18T13:52:25.396" v="702" actId="1076"/>
          <ac:spMkLst>
            <pc:docMk/>
            <pc:sldMk cId="3554156496" sldId="651"/>
            <ac:spMk id="63" creationId="{4EE94CC1-CC37-1342-2D5F-292953B44C1F}"/>
          </ac:spMkLst>
        </pc:spChg>
        <pc:spChg chg="mod">
          <ac:chgData name="Valentina Facuse" userId="8ac073aa-7feb-47c3-9cf3-f4c37dd140ee" providerId="ADAL" clId="{952DC8EC-DDCB-44ED-9743-6C061AD7F330}" dt="2022-05-18T13:52:25.396" v="702" actId="1076"/>
          <ac:spMkLst>
            <pc:docMk/>
            <pc:sldMk cId="3554156496" sldId="651"/>
            <ac:spMk id="64" creationId="{994655E2-FFA5-4166-1F98-406C63273A21}"/>
          </ac:spMkLst>
        </pc:spChg>
        <pc:spChg chg="mod">
          <ac:chgData name="Valentina Facuse" userId="8ac073aa-7feb-47c3-9cf3-f4c37dd140ee" providerId="ADAL" clId="{952DC8EC-DDCB-44ED-9743-6C061AD7F330}" dt="2022-05-18T13:52:25.396" v="702" actId="1076"/>
          <ac:spMkLst>
            <pc:docMk/>
            <pc:sldMk cId="3554156496" sldId="651"/>
            <ac:spMk id="65" creationId="{C37AD5A0-4957-AA80-7000-82C4D248CAC4}"/>
          </ac:spMkLst>
        </pc:spChg>
        <pc:spChg chg="mod">
          <ac:chgData name="Valentina Facuse" userId="8ac073aa-7feb-47c3-9cf3-f4c37dd140ee" providerId="ADAL" clId="{952DC8EC-DDCB-44ED-9743-6C061AD7F330}" dt="2022-05-18T13:52:25.396" v="702" actId="1076"/>
          <ac:spMkLst>
            <pc:docMk/>
            <pc:sldMk cId="3554156496" sldId="651"/>
            <ac:spMk id="66" creationId="{D02DCFB1-0912-EB21-2706-A809E5FA6176}"/>
          </ac:spMkLst>
        </pc:spChg>
        <pc:spChg chg="mod">
          <ac:chgData name="Valentina Facuse" userId="8ac073aa-7feb-47c3-9cf3-f4c37dd140ee" providerId="ADAL" clId="{952DC8EC-DDCB-44ED-9743-6C061AD7F330}" dt="2022-05-18T13:52:25.396" v="702" actId="1076"/>
          <ac:spMkLst>
            <pc:docMk/>
            <pc:sldMk cId="3554156496" sldId="651"/>
            <ac:spMk id="67" creationId="{FD19A40B-2905-1991-9340-3A9B5F6BD793}"/>
          </ac:spMkLst>
        </pc:spChg>
        <pc:spChg chg="mod">
          <ac:chgData name="Valentina Facuse" userId="8ac073aa-7feb-47c3-9cf3-f4c37dd140ee" providerId="ADAL" clId="{952DC8EC-DDCB-44ED-9743-6C061AD7F330}" dt="2022-05-18T13:52:25.396" v="702" actId="1076"/>
          <ac:spMkLst>
            <pc:docMk/>
            <pc:sldMk cId="3554156496" sldId="651"/>
            <ac:spMk id="69" creationId="{E348D9C1-BD85-BE68-368D-78135C50B0EE}"/>
          </ac:spMkLst>
        </pc:spChg>
        <pc:spChg chg="mod">
          <ac:chgData name="Valentina Facuse" userId="8ac073aa-7feb-47c3-9cf3-f4c37dd140ee" providerId="ADAL" clId="{952DC8EC-DDCB-44ED-9743-6C061AD7F330}" dt="2022-05-18T13:52:25.396" v="702" actId="1076"/>
          <ac:spMkLst>
            <pc:docMk/>
            <pc:sldMk cId="3554156496" sldId="651"/>
            <ac:spMk id="70" creationId="{845968CD-9C8D-7AE2-EF8D-C5658694BEED}"/>
          </ac:spMkLst>
        </pc:spChg>
        <pc:spChg chg="mod">
          <ac:chgData name="Valentina Facuse" userId="8ac073aa-7feb-47c3-9cf3-f4c37dd140ee" providerId="ADAL" clId="{952DC8EC-DDCB-44ED-9743-6C061AD7F330}" dt="2022-05-18T13:52:25.396" v="702" actId="1076"/>
          <ac:spMkLst>
            <pc:docMk/>
            <pc:sldMk cId="3554156496" sldId="651"/>
            <ac:spMk id="71" creationId="{16247189-9D9C-FE4C-D048-719FB8680750}"/>
          </ac:spMkLst>
        </pc:spChg>
        <pc:spChg chg="mod">
          <ac:chgData name="Valentina Facuse" userId="8ac073aa-7feb-47c3-9cf3-f4c37dd140ee" providerId="ADAL" clId="{952DC8EC-DDCB-44ED-9743-6C061AD7F330}" dt="2022-05-18T13:52:25.396" v="702" actId="1076"/>
          <ac:spMkLst>
            <pc:docMk/>
            <pc:sldMk cId="3554156496" sldId="651"/>
            <ac:spMk id="72" creationId="{BBADAAE2-3DAC-A90B-A457-F6E76CCDD265}"/>
          </ac:spMkLst>
        </pc:spChg>
        <pc:spChg chg="mod">
          <ac:chgData name="Valentina Facuse" userId="8ac073aa-7feb-47c3-9cf3-f4c37dd140ee" providerId="ADAL" clId="{952DC8EC-DDCB-44ED-9743-6C061AD7F330}" dt="2022-05-18T13:52:25.396" v="702" actId="1076"/>
          <ac:spMkLst>
            <pc:docMk/>
            <pc:sldMk cId="3554156496" sldId="651"/>
            <ac:spMk id="73" creationId="{76F9AF8A-7B7C-2B5F-E1A6-02B8AD0A8393}"/>
          </ac:spMkLst>
        </pc:spChg>
        <pc:spChg chg="mod">
          <ac:chgData name="Valentina Facuse" userId="8ac073aa-7feb-47c3-9cf3-f4c37dd140ee" providerId="ADAL" clId="{952DC8EC-DDCB-44ED-9743-6C061AD7F330}" dt="2022-05-18T13:52:25.396" v="702" actId="1076"/>
          <ac:spMkLst>
            <pc:docMk/>
            <pc:sldMk cId="3554156496" sldId="651"/>
            <ac:spMk id="74" creationId="{8CF6B507-7322-9A01-A1B7-34377F1C7129}"/>
          </ac:spMkLst>
        </pc:spChg>
        <pc:spChg chg="mod">
          <ac:chgData name="Valentina Facuse" userId="8ac073aa-7feb-47c3-9cf3-f4c37dd140ee" providerId="ADAL" clId="{952DC8EC-DDCB-44ED-9743-6C061AD7F330}" dt="2022-05-18T13:52:25.396" v="702" actId="1076"/>
          <ac:spMkLst>
            <pc:docMk/>
            <pc:sldMk cId="3554156496" sldId="651"/>
            <ac:spMk id="75" creationId="{5832B3C4-98A3-42E6-3F09-AD9EF75D1D39}"/>
          </ac:spMkLst>
        </pc:spChg>
        <pc:spChg chg="mod">
          <ac:chgData name="Valentina Facuse" userId="8ac073aa-7feb-47c3-9cf3-f4c37dd140ee" providerId="ADAL" clId="{952DC8EC-DDCB-44ED-9743-6C061AD7F330}" dt="2022-05-18T13:52:25.396" v="702" actId="1076"/>
          <ac:spMkLst>
            <pc:docMk/>
            <pc:sldMk cId="3554156496" sldId="651"/>
            <ac:spMk id="76" creationId="{7ED6FADD-7B13-00DA-4157-87990E54B966}"/>
          </ac:spMkLst>
        </pc:spChg>
        <pc:spChg chg="mod">
          <ac:chgData name="Valentina Facuse" userId="8ac073aa-7feb-47c3-9cf3-f4c37dd140ee" providerId="ADAL" clId="{952DC8EC-DDCB-44ED-9743-6C061AD7F330}" dt="2022-05-18T13:52:25.396" v="702" actId="1076"/>
          <ac:spMkLst>
            <pc:docMk/>
            <pc:sldMk cId="3554156496" sldId="651"/>
            <ac:spMk id="77" creationId="{ACED3929-A80A-72D9-4F38-8136FF3C67E6}"/>
          </ac:spMkLst>
        </pc:spChg>
        <pc:spChg chg="mod">
          <ac:chgData name="Valentina Facuse" userId="8ac073aa-7feb-47c3-9cf3-f4c37dd140ee" providerId="ADAL" clId="{952DC8EC-DDCB-44ED-9743-6C061AD7F330}" dt="2022-05-18T13:52:25.396" v="702" actId="1076"/>
          <ac:spMkLst>
            <pc:docMk/>
            <pc:sldMk cId="3554156496" sldId="651"/>
            <ac:spMk id="78" creationId="{A3C6F216-BE50-5294-170B-AE0AD800F16B}"/>
          </ac:spMkLst>
        </pc:spChg>
        <pc:spChg chg="mod">
          <ac:chgData name="Valentina Facuse" userId="8ac073aa-7feb-47c3-9cf3-f4c37dd140ee" providerId="ADAL" clId="{952DC8EC-DDCB-44ED-9743-6C061AD7F330}" dt="2022-05-18T13:52:25.396" v="702" actId="1076"/>
          <ac:spMkLst>
            <pc:docMk/>
            <pc:sldMk cId="3554156496" sldId="651"/>
            <ac:spMk id="79" creationId="{F7A0638E-6596-B1EA-85F9-77DB414ECB5C}"/>
          </ac:spMkLst>
        </pc:spChg>
        <pc:spChg chg="mod">
          <ac:chgData name="Valentina Facuse" userId="8ac073aa-7feb-47c3-9cf3-f4c37dd140ee" providerId="ADAL" clId="{952DC8EC-DDCB-44ED-9743-6C061AD7F330}" dt="2022-05-18T13:52:25.396" v="702" actId="1076"/>
          <ac:spMkLst>
            <pc:docMk/>
            <pc:sldMk cId="3554156496" sldId="651"/>
            <ac:spMk id="80" creationId="{50B66C41-A174-64F5-90D0-08C8F245ADBE}"/>
          </ac:spMkLst>
        </pc:spChg>
        <pc:spChg chg="mod">
          <ac:chgData name="Valentina Facuse" userId="8ac073aa-7feb-47c3-9cf3-f4c37dd140ee" providerId="ADAL" clId="{952DC8EC-DDCB-44ED-9743-6C061AD7F330}" dt="2022-05-18T13:52:25.396" v="702" actId="1076"/>
          <ac:spMkLst>
            <pc:docMk/>
            <pc:sldMk cId="3554156496" sldId="651"/>
            <ac:spMk id="82" creationId="{2D6816CA-6AC2-5DBC-A0F1-2B226C1A0CD4}"/>
          </ac:spMkLst>
        </pc:spChg>
        <pc:grpChg chg="add mod">
          <ac:chgData name="Valentina Facuse" userId="8ac073aa-7feb-47c3-9cf3-f4c37dd140ee" providerId="ADAL" clId="{952DC8EC-DDCB-44ED-9743-6C061AD7F330}" dt="2022-05-18T13:52:25.396" v="702" actId="1076"/>
          <ac:grpSpMkLst>
            <pc:docMk/>
            <pc:sldMk cId="3554156496" sldId="651"/>
            <ac:grpSpMk id="4" creationId="{BC4A50E5-D105-F5BB-DD8B-49D12DC4EE42}"/>
          </ac:grpSpMkLst>
        </pc:grpChg>
        <pc:cxnChg chg="mod">
          <ac:chgData name="Valentina Facuse" userId="8ac073aa-7feb-47c3-9cf3-f4c37dd140ee" providerId="ADAL" clId="{952DC8EC-DDCB-44ED-9743-6C061AD7F330}" dt="2022-05-18T13:52:25.396" v="702" actId="1076"/>
          <ac:cxnSpMkLst>
            <pc:docMk/>
            <pc:sldMk cId="3554156496" sldId="651"/>
            <ac:cxnSpMk id="5" creationId="{2BB37A65-0667-DD38-7CD5-CB81359DEFC5}"/>
          </ac:cxnSpMkLst>
        </pc:cxnChg>
        <pc:cxnChg chg="mod">
          <ac:chgData name="Valentina Facuse" userId="8ac073aa-7feb-47c3-9cf3-f4c37dd140ee" providerId="ADAL" clId="{952DC8EC-DDCB-44ED-9743-6C061AD7F330}" dt="2022-05-18T13:52:25.396" v="702" actId="1076"/>
          <ac:cxnSpMkLst>
            <pc:docMk/>
            <pc:sldMk cId="3554156496" sldId="651"/>
            <ac:cxnSpMk id="11" creationId="{9D268646-8C0D-3A16-07FE-A8A62E8443B1}"/>
          </ac:cxnSpMkLst>
        </pc:cxnChg>
        <pc:cxnChg chg="mod">
          <ac:chgData name="Valentina Facuse" userId="8ac073aa-7feb-47c3-9cf3-f4c37dd140ee" providerId="ADAL" clId="{952DC8EC-DDCB-44ED-9743-6C061AD7F330}" dt="2022-05-18T13:52:25.396" v="702" actId="1076"/>
          <ac:cxnSpMkLst>
            <pc:docMk/>
            <pc:sldMk cId="3554156496" sldId="651"/>
            <ac:cxnSpMk id="13" creationId="{62011333-7D69-AD9C-BE16-41AEAF15F0CA}"/>
          </ac:cxnSpMkLst>
        </pc:cxnChg>
        <pc:cxnChg chg="mod">
          <ac:chgData name="Valentina Facuse" userId="8ac073aa-7feb-47c3-9cf3-f4c37dd140ee" providerId="ADAL" clId="{952DC8EC-DDCB-44ED-9743-6C061AD7F330}" dt="2022-05-18T13:52:25.396" v="702" actId="1076"/>
          <ac:cxnSpMkLst>
            <pc:docMk/>
            <pc:sldMk cId="3554156496" sldId="651"/>
            <ac:cxnSpMk id="15" creationId="{B263B63C-8EBF-5980-E345-6D2B7311CDAB}"/>
          </ac:cxnSpMkLst>
        </pc:cxnChg>
        <pc:cxnChg chg="mod">
          <ac:chgData name="Valentina Facuse" userId="8ac073aa-7feb-47c3-9cf3-f4c37dd140ee" providerId="ADAL" clId="{952DC8EC-DDCB-44ED-9743-6C061AD7F330}" dt="2022-05-18T13:52:25.396" v="702" actId="1076"/>
          <ac:cxnSpMkLst>
            <pc:docMk/>
            <pc:sldMk cId="3554156496" sldId="651"/>
            <ac:cxnSpMk id="17" creationId="{82BBCE67-EB63-7128-E384-CE0DBC32345D}"/>
          </ac:cxnSpMkLst>
        </pc:cxnChg>
        <pc:cxnChg chg="mod">
          <ac:chgData name="Valentina Facuse" userId="8ac073aa-7feb-47c3-9cf3-f4c37dd140ee" providerId="ADAL" clId="{952DC8EC-DDCB-44ED-9743-6C061AD7F330}" dt="2022-05-18T13:52:25.396" v="702" actId="1076"/>
          <ac:cxnSpMkLst>
            <pc:docMk/>
            <pc:sldMk cId="3554156496" sldId="651"/>
            <ac:cxnSpMk id="19" creationId="{5DF1E5E9-B327-F153-4532-1192D179EFDC}"/>
          </ac:cxnSpMkLst>
        </pc:cxnChg>
        <pc:cxnChg chg="mod">
          <ac:chgData name="Valentina Facuse" userId="8ac073aa-7feb-47c3-9cf3-f4c37dd140ee" providerId="ADAL" clId="{952DC8EC-DDCB-44ED-9743-6C061AD7F330}" dt="2022-05-18T13:52:25.396" v="702" actId="1076"/>
          <ac:cxnSpMkLst>
            <pc:docMk/>
            <pc:sldMk cId="3554156496" sldId="651"/>
            <ac:cxnSpMk id="21" creationId="{7EA6AEC7-CF6A-F9FB-681D-78756051DD20}"/>
          </ac:cxnSpMkLst>
        </pc:cxnChg>
        <pc:cxnChg chg="mod">
          <ac:chgData name="Valentina Facuse" userId="8ac073aa-7feb-47c3-9cf3-f4c37dd140ee" providerId="ADAL" clId="{952DC8EC-DDCB-44ED-9743-6C061AD7F330}" dt="2022-05-18T13:52:25.396" v="702" actId="1076"/>
          <ac:cxnSpMkLst>
            <pc:docMk/>
            <pc:sldMk cId="3554156496" sldId="651"/>
            <ac:cxnSpMk id="23" creationId="{3B76254B-556F-CDEC-511E-45A1659B3E9B}"/>
          </ac:cxnSpMkLst>
        </pc:cxnChg>
        <pc:cxnChg chg="mod">
          <ac:chgData name="Valentina Facuse" userId="8ac073aa-7feb-47c3-9cf3-f4c37dd140ee" providerId="ADAL" clId="{952DC8EC-DDCB-44ED-9743-6C061AD7F330}" dt="2022-05-18T13:52:25.396" v="702" actId="1076"/>
          <ac:cxnSpMkLst>
            <pc:docMk/>
            <pc:sldMk cId="3554156496" sldId="651"/>
            <ac:cxnSpMk id="25" creationId="{5F12F750-4FDA-3479-FA0D-7517E4986B54}"/>
          </ac:cxnSpMkLst>
        </pc:cxnChg>
        <pc:cxnChg chg="mod">
          <ac:chgData name="Valentina Facuse" userId="8ac073aa-7feb-47c3-9cf3-f4c37dd140ee" providerId="ADAL" clId="{952DC8EC-DDCB-44ED-9743-6C061AD7F330}" dt="2022-05-18T13:52:25.396" v="702" actId="1076"/>
          <ac:cxnSpMkLst>
            <pc:docMk/>
            <pc:sldMk cId="3554156496" sldId="651"/>
            <ac:cxnSpMk id="27" creationId="{A29600D7-29F2-345E-79A7-1CC7E3623296}"/>
          </ac:cxnSpMkLst>
        </pc:cxnChg>
        <pc:cxnChg chg="mod">
          <ac:chgData name="Valentina Facuse" userId="8ac073aa-7feb-47c3-9cf3-f4c37dd140ee" providerId="ADAL" clId="{952DC8EC-DDCB-44ED-9743-6C061AD7F330}" dt="2022-05-18T13:52:25.396" v="702" actId="1076"/>
          <ac:cxnSpMkLst>
            <pc:docMk/>
            <pc:sldMk cId="3554156496" sldId="651"/>
            <ac:cxnSpMk id="29" creationId="{ECAE0441-869C-9FA9-47BE-BEA29F1718DD}"/>
          </ac:cxnSpMkLst>
        </pc:cxnChg>
        <pc:cxnChg chg="mod">
          <ac:chgData name="Valentina Facuse" userId="8ac073aa-7feb-47c3-9cf3-f4c37dd140ee" providerId="ADAL" clId="{952DC8EC-DDCB-44ED-9743-6C061AD7F330}" dt="2022-05-18T13:52:25.396" v="702" actId="1076"/>
          <ac:cxnSpMkLst>
            <pc:docMk/>
            <pc:sldMk cId="3554156496" sldId="651"/>
            <ac:cxnSpMk id="31" creationId="{BC9EA90D-1CA8-6442-E697-96789900EEE4}"/>
          </ac:cxnSpMkLst>
        </pc:cxnChg>
        <pc:cxnChg chg="mod">
          <ac:chgData name="Valentina Facuse" userId="8ac073aa-7feb-47c3-9cf3-f4c37dd140ee" providerId="ADAL" clId="{952DC8EC-DDCB-44ED-9743-6C061AD7F330}" dt="2022-05-18T13:52:25.396" v="702" actId="1076"/>
          <ac:cxnSpMkLst>
            <pc:docMk/>
            <pc:sldMk cId="3554156496" sldId="651"/>
            <ac:cxnSpMk id="51" creationId="{A7230296-89D8-A6B9-0509-35627BC6CCE3}"/>
          </ac:cxnSpMkLst>
        </pc:cxnChg>
        <pc:cxnChg chg="mod">
          <ac:chgData name="Valentina Facuse" userId="8ac073aa-7feb-47c3-9cf3-f4c37dd140ee" providerId="ADAL" clId="{952DC8EC-DDCB-44ED-9743-6C061AD7F330}" dt="2022-05-18T13:52:25.396" v="702" actId="1076"/>
          <ac:cxnSpMkLst>
            <pc:docMk/>
            <pc:sldMk cId="3554156496" sldId="651"/>
            <ac:cxnSpMk id="58" creationId="{349DB048-53CD-3CAC-4BA6-0F6E6B37C978}"/>
          </ac:cxnSpMkLst>
        </pc:cxnChg>
        <pc:cxnChg chg="mod">
          <ac:chgData name="Valentina Facuse" userId="8ac073aa-7feb-47c3-9cf3-f4c37dd140ee" providerId="ADAL" clId="{952DC8EC-DDCB-44ED-9743-6C061AD7F330}" dt="2022-05-18T13:52:25.396" v="702" actId="1076"/>
          <ac:cxnSpMkLst>
            <pc:docMk/>
            <pc:sldMk cId="3554156496" sldId="651"/>
            <ac:cxnSpMk id="68" creationId="{1AA075BD-7948-9293-EDEE-8DDC61B6FD42}"/>
          </ac:cxnSpMkLst>
        </pc:cxnChg>
        <pc:cxnChg chg="mod">
          <ac:chgData name="Valentina Facuse" userId="8ac073aa-7feb-47c3-9cf3-f4c37dd140ee" providerId="ADAL" clId="{952DC8EC-DDCB-44ED-9743-6C061AD7F330}" dt="2022-05-18T13:52:25.396" v="702" actId="1076"/>
          <ac:cxnSpMkLst>
            <pc:docMk/>
            <pc:sldMk cId="3554156496" sldId="651"/>
            <ac:cxnSpMk id="81" creationId="{E5AA6A0E-DCA9-D2E6-39DB-652433F1FCE6}"/>
          </ac:cxnSpMkLst>
        </pc:cxnChg>
      </pc:sldChg>
      <pc:sldChg chg="addSp delSp modSp add mod modShow">
        <pc:chgData name="Valentina Facuse" userId="8ac073aa-7feb-47c3-9cf3-f4c37dd140ee" providerId="ADAL" clId="{952DC8EC-DDCB-44ED-9743-6C061AD7F330}" dt="2022-05-18T13:53:59.301" v="712" actId="1076"/>
        <pc:sldMkLst>
          <pc:docMk/>
          <pc:sldMk cId="3225741539" sldId="652"/>
        </pc:sldMkLst>
        <pc:spChg chg="mod">
          <ac:chgData name="Valentina Facuse" userId="8ac073aa-7feb-47c3-9cf3-f4c37dd140ee" providerId="ADAL" clId="{952DC8EC-DDCB-44ED-9743-6C061AD7F330}" dt="2022-05-18T13:53:06.174" v="708"/>
          <ac:spMkLst>
            <pc:docMk/>
            <pc:sldMk cId="3225741539" sldId="652"/>
            <ac:spMk id="3" creationId="{B67E1C04-7AC0-47B9-A990-11C7D1776B18}"/>
          </ac:spMkLst>
        </pc:spChg>
        <pc:spChg chg="add mod">
          <ac:chgData name="Valentina Facuse" userId="8ac073aa-7feb-47c3-9cf3-f4c37dd140ee" providerId="ADAL" clId="{952DC8EC-DDCB-44ED-9743-6C061AD7F330}" dt="2022-05-18T13:53:59.301" v="712" actId="1076"/>
          <ac:spMkLst>
            <pc:docMk/>
            <pc:sldMk cId="3225741539" sldId="652"/>
            <ac:spMk id="83" creationId="{735A31DF-EDC6-9CB5-7539-4244F8C57AC5}"/>
          </ac:spMkLst>
        </pc:spChg>
        <pc:spChg chg="mod">
          <ac:chgData name="Valentina Facuse" userId="8ac073aa-7feb-47c3-9cf3-f4c37dd140ee" providerId="ADAL" clId="{952DC8EC-DDCB-44ED-9743-6C061AD7F330}" dt="2022-05-18T13:53:59.301" v="712" actId="1076"/>
          <ac:spMkLst>
            <pc:docMk/>
            <pc:sldMk cId="3225741539" sldId="652"/>
            <ac:spMk id="94" creationId="{28853218-B8F0-13D6-055F-6E1BDD326516}"/>
          </ac:spMkLst>
        </pc:spChg>
        <pc:spChg chg="mod">
          <ac:chgData name="Valentina Facuse" userId="8ac073aa-7feb-47c3-9cf3-f4c37dd140ee" providerId="ADAL" clId="{952DC8EC-DDCB-44ED-9743-6C061AD7F330}" dt="2022-05-18T13:53:59.301" v="712" actId="1076"/>
          <ac:spMkLst>
            <pc:docMk/>
            <pc:sldMk cId="3225741539" sldId="652"/>
            <ac:spMk id="95" creationId="{1FF86D79-A2C4-125F-146F-8629BDC14BFC}"/>
          </ac:spMkLst>
        </pc:spChg>
        <pc:spChg chg="mod">
          <ac:chgData name="Valentina Facuse" userId="8ac073aa-7feb-47c3-9cf3-f4c37dd140ee" providerId="ADAL" clId="{952DC8EC-DDCB-44ED-9743-6C061AD7F330}" dt="2022-05-18T13:53:59.301" v="712" actId="1076"/>
          <ac:spMkLst>
            <pc:docMk/>
            <pc:sldMk cId="3225741539" sldId="652"/>
            <ac:spMk id="96" creationId="{75630E6D-76A9-8D26-0D43-227406416726}"/>
          </ac:spMkLst>
        </pc:spChg>
        <pc:spChg chg="mod">
          <ac:chgData name="Valentina Facuse" userId="8ac073aa-7feb-47c3-9cf3-f4c37dd140ee" providerId="ADAL" clId="{952DC8EC-DDCB-44ED-9743-6C061AD7F330}" dt="2022-05-18T13:53:59.301" v="712" actId="1076"/>
          <ac:spMkLst>
            <pc:docMk/>
            <pc:sldMk cId="3225741539" sldId="652"/>
            <ac:spMk id="98" creationId="{7A2FEF2F-037B-699D-A0E1-266D5ECE5A1C}"/>
          </ac:spMkLst>
        </pc:spChg>
        <pc:spChg chg="mod">
          <ac:chgData name="Valentina Facuse" userId="8ac073aa-7feb-47c3-9cf3-f4c37dd140ee" providerId="ADAL" clId="{952DC8EC-DDCB-44ED-9743-6C061AD7F330}" dt="2022-05-18T13:53:59.301" v="712" actId="1076"/>
          <ac:spMkLst>
            <pc:docMk/>
            <pc:sldMk cId="3225741539" sldId="652"/>
            <ac:spMk id="100" creationId="{9A93BC55-8648-284B-5CA2-7B19FE70A841}"/>
          </ac:spMkLst>
        </pc:spChg>
        <pc:spChg chg="mod">
          <ac:chgData name="Valentina Facuse" userId="8ac073aa-7feb-47c3-9cf3-f4c37dd140ee" providerId="ADAL" clId="{952DC8EC-DDCB-44ED-9743-6C061AD7F330}" dt="2022-05-18T13:53:59.301" v="712" actId="1076"/>
          <ac:spMkLst>
            <pc:docMk/>
            <pc:sldMk cId="3225741539" sldId="652"/>
            <ac:spMk id="102" creationId="{05539058-26B9-39DD-8A7A-DD5065D21CC8}"/>
          </ac:spMkLst>
        </pc:spChg>
        <pc:spChg chg="mod">
          <ac:chgData name="Valentina Facuse" userId="8ac073aa-7feb-47c3-9cf3-f4c37dd140ee" providerId="ADAL" clId="{952DC8EC-DDCB-44ED-9743-6C061AD7F330}" dt="2022-05-18T13:53:59.301" v="712" actId="1076"/>
          <ac:spMkLst>
            <pc:docMk/>
            <pc:sldMk cId="3225741539" sldId="652"/>
            <ac:spMk id="104" creationId="{0537718B-FBCB-8527-028A-2B94A7073937}"/>
          </ac:spMkLst>
        </pc:spChg>
        <pc:spChg chg="mod">
          <ac:chgData name="Valentina Facuse" userId="8ac073aa-7feb-47c3-9cf3-f4c37dd140ee" providerId="ADAL" clId="{952DC8EC-DDCB-44ED-9743-6C061AD7F330}" dt="2022-05-18T13:53:59.301" v="712" actId="1076"/>
          <ac:spMkLst>
            <pc:docMk/>
            <pc:sldMk cId="3225741539" sldId="652"/>
            <ac:spMk id="106" creationId="{AB3BF13C-BDE6-3BAE-E3A8-D4B97142683B}"/>
          </ac:spMkLst>
        </pc:spChg>
        <pc:spChg chg="mod">
          <ac:chgData name="Valentina Facuse" userId="8ac073aa-7feb-47c3-9cf3-f4c37dd140ee" providerId="ADAL" clId="{952DC8EC-DDCB-44ED-9743-6C061AD7F330}" dt="2022-05-18T13:53:59.301" v="712" actId="1076"/>
          <ac:spMkLst>
            <pc:docMk/>
            <pc:sldMk cId="3225741539" sldId="652"/>
            <ac:spMk id="108" creationId="{499CA7AE-F092-91B1-368A-A1C85127262D}"/>
          </ac:spMkLst>
        </pc:spChg>
        <pc:spChg chg="mod">
          <ac:chgData name="Valentina Facuse" userId="8ac073aa-7feb-47c3-9cf3-f4c37dd140ee" providerId="ADAL" clId="{952DC8EC-DDCB-44ED-9743-6C061AD7F330}" dt="2022-05-18T13:53:59.301" v="712" actId="1076"/>
          <ac:spMkLst>
            <pc:docMk/>
            <pc:sldMk cId="3225741539" sldId="652"/>
            <ac:spMk id="110" creationId="{88121CFA-F9F1-AA10-B7E1-C0B6815EFC07}"/>
          </ac:spMkLst>
        </pc:spChg>
        <pc:spChg chg="mod">
          <ac:chgData name="Valentina Facuse" userId="8ac073aa-7feb-47c3-9cf3-f4c37dd140ee" providerId="ADAL" clId="{952DC8EC-DDCB-44ED-9743-6C061AD7F330}" dt="2022-05-18T13:53:59.301" v="712" actId="1076"/>
          <ac:spMkLst>
            <pc:docMk/>
            <pc:sldMk cId="3225741539" sldId="652"/>
            <ac:spMk id="112" creationId="{791FDD29-98A5-ECCA-94B8-0F9AB95C2983}"/>
          </ac:spMkLst>
        </pc:spChg>
        <pc:spChg chg="mod">
          <ac:chgData name="Valentina Facuse" userId="8ac073aa-7feb-47c3-9cf3-f4c37dd140ee" providerId="ADAL" clId="{952DC8EC-DDCB-44ED-9743-6C061AD7F330}" dt="2022-05-18T13:53:59.301" v="712" actId="1076"/>
          <ac:spMkLst>
            <pc:docMk/>
            <pc:sldMk cId="3225741539" sldId="652"/>
            <ac:spMk id="114" creationId="{9C64DD92-0F1D-7A0E-EB85-4B749D4C3FD4}"/>
          </ac:spMkLst>
        </pc:spChg>
        <pc:spChg chg="mod">
          <ac:chgData name="Valentina Facuse" userId="8ac073aa-7feb-47c3-9cf3-f4c37dd140ee" providerId="ADAL" clId="{952DC8EC-DDCB-44ED-9743-6C061AD7F330}" dt="2022-05-18T13:53:59.301" v="712" actId="1076"/>
          <ac:spMkLst>
            <pc:docMk/>
            <pc:sldMk cId="3225741539" sldId="652"/>
            <ac:spMk id="116" creationId="{D975B9AA-D494-2DEB-6F83-1FFFDD73D67D}"/>
          </ac:spMkLst>
        </pc:spChg>
        <pc:spChg chg="mod">
          <ac:chgData name="Valentina Facuse" userId="8ac073aa-7feb-47c3-9cf3-f4c37dd140ee" providerId="ADAL" clId="{952DC8EC-DDCB-44ED-9743-6C061AD7F330}" dt="2022-05-18T13:53:59.301" v="712" actId="1076"/>
          <ac:spMkLst>
            <pc:docMk/>
            <pc:sldMk cId="3225741539" sldId="652"/>
            <ac:spMk id="118" creationId="{51FBD6AC-5B93-F54F-E8A9-739E56585719}"/>
          </ac:spMkLst>
        </pc:spChg>
        <pc:spChg chg="mod">
          <ac:chgData name="Valentina Facuse" userId="8ac073aa-7feb-47c3-9cf3-f4c37dd140ee" providerId="ADAL" clId="{952DC8EC-DDCB-44ED-9743-6C061AD7F330}" dt="2022-05-18T13:53:59.301" v="712" actId="1076"/>
          <ac:spMkLst>
            <pc:docMk/>
            <pc:sldMk cId="3225741539" sldId="652"/>
            <ac:spMk id="119" creationId="{6823CD81-5F71-3912-DCD7-94DB91FC48A6}"/>
          </ac:spMkLst>
        </pc:spChg>
        <pc:spChg chg="mod">
          <ac:chgData name="Valentina Facuse" userId="8ac073aa-7feb-47c3-9cf3-f4c37dd140ee" providerId="ADAL" clId="{952DC8EC-DDCB-44ED-9743-6C061AD7F330}" dt="2022-05-18T13:53:59.301" v="712" actId="1076"/>
          <ac:spMkLst>
            <pc:docMk/>
            <pc:sldMk cId="3225741539" sldId="652"/>
            <ac:spMk id="120" creationId="{A059720C-CB03-877B-F6AA-82B2225F08F6}"/>
          </ac:spMkLst>
        </pc:spChg>
        <pc:spChg chg="mod">
          <ac:chgData name="Valentina Facuse" userId="8ac073aa-7feb-47c3-9cf3-f4c37dd140ee" providerId="ADAL" clId="{952DC8EC-DDCB-44ED-9743-6C061AD7F330}" dt="2022-05-18T13:53:59.301" v="712" actId="1076"/>
          <ac:spMkLst>
            <pc:docMk/>
            <pc:sldMk cId="3225741539" sldId="652"/>
            <ac:spMk id="121" creationId="{0ADD8025-4F03-A72F-2449-D75F844B62DF}"/>
          </ac:spMkLst>
        </pc:spChg>
        <pc:spChg chg="mod">
          <ac:chgData name="Valentina Facuse" userId="8ac073aa-7feb-47c3-9cf3-f4c37dd140ee" providerId="ADAL" clId="{952DC8EC-DDCB-44ED-9743-6C061AD7F330}" dt="2022-05-18T13:53:59.301" v="712" actId="1076"/>
          <ac:spMkLst>
            <pc:docMk/>
            <pc:sldMk cId="3225741539" sldId="652"/>
            <ac:spMk id="122" creationId="{C55B0730-D815-7F84-3FA7-3D61AB7DB00A}"/>
          </ac:spMkLst>
        </pc:spChg>
        <pc:spChg chg="mod">
          <ac:chgData name="Valentina Facuse" userId="8ac073aa-7feb-47c3-9cf3-f4c37dd140ee" providerId="ADAL" clId="{952DC8EC-DDCB-44ED-9743-6C061AD7F330}" dt="2022-05-18T13:53:59.301" v="712" actId="1076"/>
          <ac:spMkLst>
            <pc:docMk/>
            <pc:sldMk cId="3225741539" sldId="652"/>
            <ac:spMk id="123" creationId="{D93D7536-34D0-CBB5-6176-65F487C22D12}"/>
          </ac:spMkLst>
        </pc:spChg>
        <pc:spChg chg="mod">
          <ac:chgData name="Valentina Facuse" userId="8ac073aa-7feb-47c3-9cf3-f4c37dd140ee" providerId="ADAL" clId="{952DC8EC-DDCB-44ED-9743-6C061AD7F330}" dt="2022-05-18T13:53:59.301" v="712" actId="1076"/>
          <ac:spMkLst>
            <pc:docMk/>
            <pc:sldMk cId="3225741539" sldId="652"/>
            <ac:spMk id="124" creationId="{323E1D15-9A44-F215-AB8F-2830E1748D49}"/>
          </ac:spMkLst>
        </pc:spChg>
        <pc:spChg chg="mod">
          <ac:chgData name="Valentina Facuse" userId="8ac073aa-7feb-47c3-9cf3-f4c37dd140ee" providerId="ADAL" clId="{952DC8EC-DDCB-44ED-9743-6C061AD7F330}" dt="2022-05-18T13:53:59.301" v="712" actId="1076"/>
          <ac:spMkLst>
            <pc:docMk/>
            <pc:sldMk cId="3225741539" sldId="652"/>
            <ac:spMk id="125" creationId="{B5478DBC-8BE5-A88F-8E60-A8847FA33032}"/>
          </ac:spMkLst>
        </pc:spChg>
        <pc:spChg chg="mod">
          <ac:chgData name="Valentina Facuse" userId="8ac073aa-7feb-47c3-9cf3-f4c37dd140ee" providerId="ADAL" clId="{952DC8EC-DDCB-44ED-9743-6C061AD7F330}" dt="2022-05-18T13:53:59.301" v="712" actId="1076"/>
          <ac:spMkLst>
            <pc:docMk/>
            <pc:sldMk cId="3225741539" sldId="652"/>
            <ac:spMk id="126" creationId="{90F20286-EA94-5201-BD56-0D5CEE0CDC0B}"/>
          </ac:spMkLst>
        </pc:spChg>
        <pc:spChg chg="mod">
          <ac:chgData name="Valentina Facuse" userId="8ac073aa-7feb-47c3-9cf3-f4c37dd140ee" providerId="ADAL" clId="{952DC8EC-DDCB-44ED-9743-6C061AD7F330}" dt="2022-05-18T13:53:59.301" v="712" actId="1076"/>
          <ac:spMkLst>
            <pc:docMk/>
            <pc:sldMk cId="3225741539" sldId="652"/>
            <ac:spMk id="127" creationId="{C6A6A744-7BAA-DFDC-DCD4-72C64D45F5E9}"/>
          </ac:spMkLst>
        </pc:spChg>
        <pc:spChg chg="mod">
          <ac:chgData name="Valentina Facuse" userId="8ac073aa-7feb-47c3-9cf3-f4c37dd140ee" providerId="ADAL" clId="{952DC8EC-DDCB-44ED-9743-6C061AD7F330}" dt="2022-05-18T13:53:59.301" v="712" actId="1076"/>
          <ac:spMkLst>
            <pc:docMk/>
            <pc:sldMk cId="3225741539" sldId="652"/>
            <ac:spMk id="128" creationId="{3BF35E7D-C1BE-D880-77E2-750B94FEECD3}"/>
          </ac:spMkLst>
        </pc:spChg>
        <pc:spChg chg="mod">
          <ac:chgData name="Valentina Facuse" userId="8ac073aa-7feb-47c3-9cf3-f4c37dd140ee" providerId="ADAL" clId="{952DC8EC-DDCB-44ED-9743-6C061AD7F330}" dt="2022-05-18T13:53:59.301" v="712" actId="1076"/>
          <ac:spMkLst>
            <pc:docMk/>
            <pc:sldMk cId="3225741539" sldId="652"/>
            <ac:spMk id="129" creationId="{2E821653-E8E8-1E43-9AA6-2EBA8901D1A4}"/>
          </ac:spMkLst>
        </pc:spChg>
        <pc:spChg chg="mod">
          <ac:chgData name="Valentina Facuse" userId="8ac073aa-7feb-47c3-9cf3-f4c37dd140ee" providerId="ADAL" clId="{952DC8EC-DDCB-44ED-9743-6C061AD7F330}" dt="2022-05-18T13:53:59.301" v="712" actId="1076"/>
          <ac:spMkLst>
            <pc:docMk/>
            <pc:sldMk cId="3225741539" sldId="652"/>
            <ac:spMk id="130" creationId="{3598A958-5BAB-3A72-2556-AF1F5260DC6D}"/>
          </ac:spMkLst>
        </pc:spChg>
        <pc:spChg chg="mod">
          <ac:chgData name="Valentina Facuse" userId="8ac073aa-7feb-47c3-9cf3-f4c37dd140ee" providerId="ADAL" clId="{952DC8EC-DDCB-44ED-9743-6C061AD7F330}" dt="2022-05-18T13:53:59.301" v="712" actId="1076"/>
          <ac:spMkLst>
            <pc:docMk/>
            <pc:sldMk cId="3225741539" sldId="652"/>
            <ac:spMk id="131" creationId="{BF5D52B1-E646-649C-D70D-4061FFAB91FA}"/>
          </ac:spMkLst>
        </pc:spChg>
        <pc:spChg chg="mod">
          <ac:chgData name="Valentina Facuse" userId="8ac073aa-7feb-47c3-9cf3-f4c37dd140ee" providerId="ADAL" clId="{952DC8EC-DDCB-44ED-9743-6C061AD7F330}" dt="2022-05-18T13:53:59.301" v="712" actId="1076"/>
          <ac:spMkLst>
            <pc:docMk/>
            <pc:sldMk cId="3225741539" sldId="652"/>
            <ac:spMk id="132" creationId="{D5AE52AF-7331-475F-58B0-191A8E607093}"/>
          </ac:spMkLst>
        </pc:spChg>
        <pc:spChg chg="mod">
          <ac:chgData name="Valentina Facuse" userId="8ac073aa-7feb-47c3-9cf3-f4c37dd140ee" providerId="ADAL" clId="{952DC8EC-DDCB-44ED-9743-6C061AD7F330}" dt="2022-05-18T13:53:59.301" v="712" actId="1076"/>
          <ac:spMkLst>
            <pc:docMk/>
            <pc:sldMk cId="3225741539" sldId="652"/>
            <ac:spMk id="133" creationId="{55668D12-4C67-4EF1-8F13-FB7BD882FAC0}"/>
          </ac:spMkLst>
        </pc:spChg>
        <pc:spChg chg="mod">
          <ac:chgData name="Valentina Facuse" userId="8ac073aa-7feb-47c3-9cf3-f4c37dd140ee" providerId="ADAL" clId="{952DC8EC-DDCB-44ED-9743-6C061AD7F330}" dt="2022-05-18T13:53:59.301" v="712" actId="1076"/>
          <ac:spMkLst>
            <pc:docMk/>
            <pc:sldMk cId="3225741539" sldId="652"/>
            <ac:spMk id="134" creationId="{15CAD5FC-2BA5-BFB3-A51A-93305B70B35E}"/>
          </ac:spMkLst>
        </pc:spChg>
        <pc:spChg chg="mod">
          <ac:chgData name="Valentina Facuse" userId="8ac073aa-7feb-47c3-9cf3-f4c37dd140ee" providerId="ADAL" clId="{952DC8EC-DDCB-44ED-9743-6C061AD7F330}" dt="2022-05-18T13:53:59.301" v="712" actId="1076"/>
          <ac:spMkLst>
            <pc:docMk/>
            <pc:sldMk cId="3225741539" sldId="652"/>
            <ac:spMk id="135" creationId="{20DADBC9-CA26-19DA-FEEE-73F67F633563}"/>
          </ac:spMkLst>
        </pc:spChg>
        <pc:spChg chg="mod">
          <ac:chgData name="Valentina Facuse" userId="8ac073aa-7feb-47c3-9cf3-f4c37dd140ee" providerId="ADAL" clId="{952DC8EC-DDCB-44ED-9743-6C061AD7F330}" dt="2022-05-18T13:53:59.301" v="712" actId="1076"/>
          <ac:spMkLst>
            <pc:docMk/>
            <pc:sldMk cId="3225741539" sldId="652"/>
            <ac:spMk id="136" creationId="{A9A522F1-A236-5238-0C7F-E41930D5DC77}"/>
          </ac:spMkLst>
        </pc:spChg>
        <pc:spChg chg="mod">
          <ac:chgData name="Valentina Facuse" userId="8ac073aa-7feb-47c3-9cf3-f4c37dd140ee" providerId="ADAL" clId="{952DC8EC-DDCB-44ED-9743-6C061AD7F330}" dt="2022-05-18T13:53:59.301" v="712" actId="1076"/>
          <ac:spMkLst>
            <pc:docMk/>
            <pc:sldMk cId="3225741539" sldId="652"/>
            <ac:spMk id="137" creationId="{4AF2762E-EAB9-2C8A-7F4B-B9B8D290BB58}"/>
          </ac:spMkLst>
        </pc:spChg>
        <pc:spChg chg="mod">
          <ac:chgData name="Valentina Facuse" userId="8ac073aa-7feb-47c3-9cf3-f4c37dd140ee" providerId="ADAL" clId="{952DC8EC-DDCB-44ED-9743-6C061AD7F330}" dt="2022-05-18T13:53:59.301" v="712" actId="1076"/>
          <ac:spMkLst>
            <pc:docMk/>
            <pc:sldMk cId="3225741539" sldId="652"/>
            <ac:spMk id="138" creationId="{FC80AE61-F6E3-6A16-242D-6300B2088F90}"/>
          </ac:spMkLst>
        </pc:spChg>
        <pc:spChg chg="mod">
          <ac:chgData name="Valentina Facuse" userId="8ac073aa-7feb-47c3-9cf3-f4c37dd140ee" providerId="ADAL" clId="{952DC8EC-DDCB-44ED-9743-6C061AD7F330}" dt="2022-05-18T13:53:59.301" v="712" actId="1076"/>
          <ac:spMkLst>
            <pc:docMk/>
            <pc:sldMk cId="3225741539" sldId="652"/>
            <ac:spMk id="139" creationId="{2F4B8ED1-8010-44FD-9860-5C9318D2C3F8}"/>
          </ac:spMkLst>
        </pc:spChg>
        <pc:spChg chg="mod">
          <ac:chgData name="Valentina Facuse" userId="8ac073aa-7feb-47c3-9cf3-f4c37dd140ee" providerId="ADAL" clId="{952DC8EC-DDCB-44ED-9743-6C061AD7F330}" dt="2022-05-18T13:53:59.301" v="712" actId="1076"/>
          <ac:spMkLst>
            <pc:docMk/>
            <pc:sldMk cId="3225741539" sldId="652"/>
            <ac:spMk id="140" creationId="{253A228F-9752-3CD0-C616-D38DE843F3F4}"/>
          </ac:spMkLst>
        </pc:spChg>
        <pc:spChg chg="mod">
          <ac:chgData name="Valentina Facuse" userId="8ac073aa-7feb-47c3-9cf3-f4c37dd140ee" providerId="ADAL" clId="{952DC8EC-DDCB-44ED-9743-6C061AD7F330}" dt="2022-05-18T13:53:59.301" v="712" actId="1076"/>
          <ac:spMkLst>
            <pc:docMk/>
            <pc:sldMk cId="3225741539" sldId="652"/>
            <ac:spMk id="141" creationId="{9ABB2609-4562-BECB-BE1C-903551DB1AF7}"/>
          </ac:spMkLst>
        </pc:spChg>
        <pc:spChg chg="mod">
          <ac:chgData name="Valentina Facuse" userId="8ac073aa-7feb-47c3-9cf3-f4c37dd140ee" providerId="ADAL" clId="{952DC8EC-DDCB-44ED-9743-6C061AD7F330}" dt="2022-05-18T13:53:59.301" v="712" actId="1076"/>
          <ac:spMkLst>
            <pc:docMk/>
            <pc:sldMk cId="3225741539" sldId="652"/>
            <ac:spMk id="142" creationId="{BEF82173-88A5-7DE8-C142-17C29BEEF674}"/>
          </ac:spMkLst>
        </pc:spChg>
        <pc:spChg chg="mod">
          <ac:chgData name="Valentina Facuse" userId="8ac073aa-7feb-47c3-9cf3-f4c37dd140ee" providerId="ADAL" clId="{952DC8EC-DDCB-44ED-9743-6C061AD7F330}" dt="2022-05-18T13:53:59.301" v="712" actId="1076"/>
          <ac:spMkLst>
            <pc:docMk/>
            <pc:sldMk cId="3225741539" sldId="652"/>
            <ac:spMk id="143" creationId="{13962362-F53A-FAD7-9735-60436695AEBA}"/>
          </ac:spMkLst>
        </pc:spChg>
        <pc:spChg chg="mod">
          <ac:chgData name="Valentina Facuse" userId="8ac073aa-7feb-47c3-9cf3-f4c37dd140ee" providerId="ADAL" clId="{952DC8EC-DDCB-44ED-9743-6C061AD7F330}" dt="2022-05-18T13:53:59.301" v="712" actId="1076"/>
          <ac:spMkLst>
            <pc:docMk/>
            <pc:sldMk cId="3225741539" sldId="652"/>
            <ac:spMk id="144" creationId="{376770A1-9F1A-5FA1-2FFF-B7B7E717C0EE}"/>
          </ac:spMkLst>
        </pc:spChg>
        <pc:spChg chg="mod">
          <ac:chgData name="Valentina Facuse" userId="8ac073aa-7feb-47c3-9cf3-f4c37dd140ee" providerId="ADAL" clId="{952DC8EC-DDCB-44ED-9743-6C061AD7F330}" dt="2022-05-18T13:53:59.301" v="712" actId="1076"/>
          <ac:spMkLst>
            <pc:docMk/>
            <pc:sldMk cId="3225741539" sldId="652"/>
            <ac:spMk id="145" creationId="{2306251C-A85A-83EC-0E18-42B274E66001}"/>
          </ac:spMkLst>
        </pc:spChg>
        <pc:spChg chg="mod">
          <ac:chgData name="Valentina Facuse" userId="8ac073aa-7feb-47c3-9cf3-f4c37dd140ee" providerId="ADAL" clId="{952DC8EC-DDCB-44ED-9743-6C061AD7F330}" dt="2022-05-18T13:53:59.301" v="712" actId="1076"/>
          <ac:spMkLst>
            <pc:docMk/>
            <pc:sldMk cId="3225741539" sldId="652"/>
            <ac:spMk id="146" creationId="{0A9A6FA6-9038-5EA7-027A-7683B4934BF1}"/>
          </ac:spMkLst>
        </pc:spChg>
        <pc:spChg chg="mod">
          <ac:chgData name="Valentina Facuse" userId="8ac073aa-7feb-47c3-9cf3-f4c37dd140ee" providerId="ADAL" clId="{952DC8EC-DDCB-44ED-9743-6C061AD7F330}" dt="2022-05-18T13:53:59.301" v="712" actId="1076"/>
          <ac:spMkLst>
            <pc:docMk/>
            <pc:sldMk cId="3225741539" sldId="652"/>
            <ac:spMk id="147" creationId="{644AF278-4873-D852-2FC6-3FC99FD4D73A}"/>
          </ac:spMkLst>
        </pc:spChg>
        <pc:spChg chg="mod">
          <ac:chgData name="Valentina Facuse" userId="8ac073aa-7feb-47c3-9cf3-f4c37dd140ee" providerId="ADAL" clId="{952DC8EC-DDCB-44ED-9743-6C061AD7F330}" dt="2022-05-18T13:53:59.301" v="712" actId="1076"/>
          <ac:spMkLst>
            <pc:docMk/>
            <pc:sldMk cId="3225741539" sldId="652"/>
            <ac:spMk id="148" creationId="{095FA31D-0BAF-554B-B0EE-B75390022254}"/>
          </ac:spMkLst>
        </pc:spChg>
        <pc:spChg chg="mod">
          <ac:chgData name="Valentina Facuse" userId="8ac073aa-7feb-47c3-9cf3-f4c37dd140ee" providerId="ADAL" clId="{952DC8EC-DDCB-44ED-9743-6C061AD7F330}" dt="2022-05-18T13:53:59.301" v="712" actId="1076"/>
          <ac:spMkLst>
            <pc:docMk/>
            <pc:sldMk cId="3225741539" sldId="652"/>
            <ac:spMk id="149" creationId="{142E56F1-8175-9A90-4A19-ED12DA19FACC}"/>
          </ac:spMkLst>
        </pc:spChg>
        <pc:spChg chg="mod">
          <ac:chgData name="Valentina Facuse" userId="8ac073aa-7feb-47c3-9cf3-f4c37dd140ee" providerId="ADAL" clId="{952DC8EC-DDCB-44ED-9743-6C061AD7F330}" dt="2022-05-18T13:53:59.301" v="712" actId="1076"/>
          <ac:spMkLst>
            <pc:docMk/>
            <pc:sldMk cId="3225741539" sldId="652"/>
            <ac:spMk id="150" creationId="{6FCAC16B-C32D-8F9D-4CD6-B9A6C0DA0E59}"/>
          </ac:spMkLst>
        </pc:spChg>
        <pc:spChg chg="mod">
          <ac:chgData name="Valentina Facuse" userId="8ac073aa-7feb-47c3-9cf3-f4c37dd140ee" providerId="ADAL" clId="{952DC8EC-DDCB-44ED-9743-6C061AD7F330}" dt="2022-05-18T13:53:59.301" v="712" actId="1076"/>
          <ac:spMkLst>
            <pc:docMk/>
            <pc:sldMk cId="3225741539" sldId="652"/>
            <ac:spMk id="151" creationId="{2251D3F9-E583-7F1E-F53D-C23F2F826FA9}"/>
          </ac:spMkLst>
        </pc:spChg>
        <pc:spChg chg="mod">
          <ac:chgData name="Valentina Facuse" userId="8ac073aa-7feb-47c3-9cf3-f4c37dd140ee" providerId="ADAL" clId="{952DC8EC-DDCB-44ED-9743-6C061AD7F330}" dt="2022-05-18T13:53:59.301" v="712" actId="1076"/>
          <ac:spMkLst>
            <pc:docMk/>
            <pc:sldMk cId="3225741539" sldId="652"/>
            <ac:spMk id="152" creationId="{8B643EB5-2D61-0CF2-891E-CAB592F41BDD}"/>
          </ac:spMkLst>
        </pc:spChg>
        <pc:spChg chg="mod">
          <ac:chgData name="Valentina Facuse" userId="8ac073aa-7feb-47c3-9cf3-f4c37dd140ee" providerId="ADAL" clId="{952DC8EC-DDCB-44ED-9743-6C061AD7F330}" dt="2022-05-18T13:53:59.301" v="712" actId="1076"/>
          <ac:spMkLst>
            <pc:docMk/>
            <pc:sldMk cId="3225741539" sldId="652"/>
            <ac:spMk id="153" creationId="{02ED068B-AA7F-6D82-DB7E-B5B694393A8C}"/>
          </ac:spMkLst>
        </pc:spChg>
        <pc:spChg chg="mod">
          <ac:chgData name="Valentina Facuse" userId="8ac073aa-7feb-47c3-9cf3-f4c37dd140ee" providerId="ADAL" clId="{952DC8EC-DDCB-44ED-9743-6C061AD7F330}" dt="2022-05-18T13:53:59.301" v="712" actId="1076"/>
          <ac:spMkLst>
            <pc:docMk/>
            <pc:sldMk cId="3225741539" sldId="652"/>
            <ac:spMk id="154" creationId="{3B6933E6-B07B-53A5-88D7-23388B27351F}"/>
          </ac:spMkLst>
        </pc:spChg>
        <pc:spChg chg="mod">
          <ac:chgData name="Valentina Facuse" userId="8ac073aa-7feb-47c3-9cf3-f4c37dd140ee" providerId="ADAL" clId="{952DC8EC-DDCB-44ED-9743-6C061AD7F330}" dt="2022-05-18T13:53:59.301" v="712" actId="1076"/>
          <ac:spMkLst>
            <pc:docMk/>
            <pc:sldMk cId="3225741539" sldId="652"/>
            <ac:spMk id="155" creationId="{5D3FC5C5-162F-03D4-3644-800976C64056}"/>
          </ac:spMkLst>
        </pc:spChg>
        <pc:spChg chg="mod">
          <ac:chgData name="Valentina Facuse" userId="8ac073aa-7feb-47c3-9cf3-f4c37dd140ee" providerId="ADAL" clId="{952DC8EC-DDCB-44ED-9743-6C061AD7F330}" dt="2022-05-18T13:53:59.301" v="712" actId="1076"/>
          <ac:spMkLst>
            <pc:docMk/>
            <pc:sldMk cId="3225741539" sldId="652"/>
            <ac:spMk id="156" creationId="{0CE67179-EC05-42A7-6ED1-D3891917A231}"/>
          </ac:spMkLst>
        </pc:spChg>
        <pc:spChg chg="mod">
          <ac:chgData name="Valentina Facuse" userId="8ac073aa-7feb-47c3-9cf3-f4c37dd140ee" providerId="ADAL" clId="{952DC8EC-DDCB-44ED-9743-6C061AD7F330}" dt="2022-05-18T13:53:59.301" v="712" actId="1076"/>
          <ac:spMkLst>
            <pc:docMk/>
            <pc:sldMk cId="3225741539" sldId="652"/>
            <ac:spMk id="157" creationId="{D212BFB3-6313-6986-0E44-1E6757FEA4A7}"/>
          </ac:spMkLst>
        </pc:spChg>
        <pc:spChg chg="mod">
          <ac:chgData name="Valentina Facuse" userId="8ac073aa-7feb-47c3-9cf3-f4c37dd140ee" providerId="ADAL" clId="{952DC8EC-DDCB-44ED-9743-6C061AD7F330}" dt="2022-05-18T13:53:59.301" v="712" actId="1076"/>
          <ac:spMkLst>
            <pc:docMk/>
            <pc:sldMk cId="3225741539" sldId="652"/>
            <ac:spMk id="158" creationId="{D84F9923-341E-6D65-4960-B0880C44C66F}"/>
          </ac:spMkLst>
        </pc:spChg>
        <pc:spChg chg="mod">
          <ac:chgData name="Valentina Facuse" userId="8ac073aa-7feb-47c3-9cf3-f4c37dd140ee" providerId="ADAL" clId="{952DC8EC-DDCB-44ED-9743-6C061AD7F330}" dt="2022-05-18T13:53:59.301" v="712" actId="1076"/>
          <ac:spMkLst>
            <pc:docMk/>
            <pc:sldMk cId="3225741539" sldId="652"/>
            <ac:spMk id="159" creationId="{D943D78F-95DC-A0CB-C8F0-79DB7CFEDB01}"/>
          </ac:spMkLst>
        </pc:spChg>
        <pc:spChg chg="mod">
          <ac:chgData name="Valentina Facuse" userId="8ac073aa-7feb-47c3-9cf3-f4c37dd140ee" providerId="ADAL" clId="{952DC8EC-DDCB-44ED-9743-6C061AD7F330}" dt="2022-05-18T13:53:59.301" v="712" actId="1076"/>
          <ac:spMkLst>
            <pc:docMk/>
            <pc:sldMk cId="3225741539" sldId="652"/>
            <ac:spMk id="160" creationId="{AA69A450-8C6F-39BA-57D2-2501E49177D1}"/>
          </ac:spMkLst>
        </pc:spChg>
        <pc:spChg chg="mod">
          <ac:chgData name="Valentina Facuse" userId="8ac073aa-7feb-47c3-9cf3-f4c37dd140ee" providerId="ADAL" clId="{952DC8EC-DDCB-44ED-9743-6C061AD7F330}" dt="2022-05-18T13:53:59.301" v="712" actId="1076"/>
          <ac:spMkLst>
            <pc:docMk/>
            <pc:sldMk cId="3225741539" sldId="652"/>
            <ac:spMk id="161" creationId="{4D0C9FAF-F2EA-1262-091E-6A411FF4205B}"/>
          </ac:spMkLst>
        </pc:spChg>
        <pc:spChg chg="mod">
          <ac:chgData name="Valentina Facuse" userId="8ac073aa-7feb-47c3-9cf3-f4c37dd140ee" providerId="ADAL" clId="{952DC8EC-DDCB-44ED-9743-6C061AD7F330}" dt="2022-05-18T13:53:59.301" v="712" actId="1076"/>
          <ac:spMkLst>
            <pc:docMk/>
            <pc:sldMk cId="3225741539" sldId="652"/>
            <ac:spMk id="162" creationId="{3751CE19-D9E6-5997-3730-5B1A8F696E6C}"/>
          </ac:spMkLst>
        </pc:spChg>
        <pc:spChg chg="mod">
          <ac:chgData name="Valentina Facuse" userId="8ac073aa-7feb-47c3-9cf3-f4c37dd140ee" providerId="ADAL" clId="{952DC8EC-DDCB-44ED-9743-6C061AD7F330}" dt="2022-05-18T13:53:59.301" v="712" actId="1076"/>
          <ac:spMkLst>
            <pc:docMk/>
            <pc:sldMk cId="3225741539" sldId="652"/>
            <ac:spMk id="163" creationId="{5F63C1AF-D8E2-3E92-1D08-C2324C75E7BD}"/>
          </ac:spMkLst>
        </pc:spChg>
        <pc:spChg chg="mod">
          <ac:chgData name="Valentina Facuse" userId="8ac073aa-7feb-47c3-9cf3-f4c37dd140ee" providerId="ADAL" clId="{952DC8EC-DDCB-44ED-9743-6C061AD7F330}" dt="2022-05-18T13:53:59.301" v="712" actId="1076"/>
          <ac:spMkLst>
            <pc:docMk/>
            <pc:sldMk cId="3225741539" sldId="652"/>
            <ac:spMk id="164" creationId="{CF86A279-630E-9E3A-2000-8106270FDF60}"/>
          </ac:spMkLst>
        </pc:spChg>
        <pc:spChg chg="add mod">
          <ac:chgData name="Valentina Facuse" userId="8ac073aa-7feb-47c3-9cf3-f4c37dd140ee" providerId="ADAL" clId="{952DC8EC-DDCB-44ED-9743-6C061AD7F330}" dt="2022-05-18T13:53:59.301" v="712" actId="1076"/>
          <ac:spMkLst>
            <pc:docMk/>
            <pc:sldMk cId="3225741539" sldId="652"/>
            <ac:spMk id="165" creationId="{3631A3AA-B91E-8C36-AA48-BD0888095C71}"/>
          </ac:spMkLst>
        </pc:spChg>
        <pc:spChg chg="add mod">
          <ac:chgData name="Valentina Facuse" userId="8ac073aa-7feb-47c3-9cf3-f4c37dd140ee" providerId="ADAL" clId="{952DC8EC-DDCB-44ED-9743-6C061AD7F330}" dt="2022-05-18T13:53:59.301" v="712" actId="1076"/>
          <ac:spMkLst>
            <pc:docMk/>
            <pc:sldMk cId="3225741539" sldId="652"/>
            <ac:spMk id="166" creationId="{081AD6FC-4C56-5B83-C321-C93C3CD575D4}"/>
          </ac:spMkLst>
        </pc:spChg>
        <pc:spChg chg="add mod">
          <ac:chgData name="Valentina Facuse" userId="8ac073aa-7feb-47c3-9cf3-f4c37dd140ee" providerId="ADAL" clId="{952DC8EC-DDCB-44ED-9743-6C061AD7F330}" dt="2022-05-18T13:53:59.301" v="712" actId="1076"/>
          <ac:spMkLst>
            <pc:docMk/>
            <pc:sldMk cId="3225741539" sldId="652"/>
            <ac:spMk id="167" creationId="{9A27474C-3A05-C951-7C30-0A65F193FC6C}"/>
          </ac:spMkLst>
        </pc:spChg>
        <pc:grpChg chg="del">
          <ac:chgData name="Valentina Facuse" userId="8ac073aa-7feb-47c3-9cf3-f4c37dd140ee" providerId="ADAL" clId="{952DC8EC-DDCB-44ED-9743-6C061AD7F330}" dt="2022-05-18T13:53:45.849" v="709" actId="478"/>
          <ac:grpSpMkLst>
            <pc:docMk/>
            <pc:sldMk cId="3225741539" sldId="652"/>
            <ac:grpSpMk id="4" creationId="{BC4A50E5-D105-F5BB-DD8B-49D12DC4EE42}"/>
          </ac:grpSpMkLst>
        </pc:grpChg>
        <pc:grpChg chg="add mod">
          <ac:chgData name="Valentina Facuse" userId="8ac073aa-7feb-47c3-9cf3-f4c37dd140ee" providerId="ADAL" clId="{952DC8EC-DDCB-44ED-9743-6C061AD7F330}" dt="2022-05-18T13:53:59.301" v="712" actId="1076"/>
          <ac:grpSpMkLst>
            <pc:docMk/>
            <pc:sldMk cId="3225741539" sldId="652"/>
            <ac:grpSpMk id="84" creationId="{04548DA9-6CDD-4B21-FEC5-C87AAA8E46D9}"/>
          </ac:grpSpMkLst>
        </pc:grpChg>
        <pc:cxnChg chg="mod">
          <ac:chgData name="Valentina Facuse" userId="8ac073aa-7feb-47c3-9cf3-f4c37dd140ee" providerId="ADAL" clId="{952DC8EC-DDCB-44ED-9743-6C061AD7F330}" dt="2022-05-18T13:53:59.301" v="712" actId="1076"/>
          <ac:cxnSpMkLst>
            <pc:docMk/>
            <pc:sldMk cId="3225741539" sldId="652"/>
            <ac:cxnSpMk id="85" creationId="{999E8EF5-E4D9-C100-6566-26306A8E0A34}"/>
          </ac:cxnSpMkLst>
        </pc:cxnChg>
        <pc:cxnChg chg="mod">
          <ac:chgData name="Valentina Facuse" userId="8ac073aa-7feb-47c3-9cf3-f4c37dd140ee" providerId="ADAL" clId="{952DC8EC-DDCB-44ED-9743-6C061AD7F330}" dt="2022-05-18T13:53:59.301" v="712" actId="1076"/>
          <ac:cxnSpMkLst>
            <pc:docMk/>
            <pc:sldMk cId="3225741539" sldId="652"/>
            <ac:cxnSpMk id="86" creationId="{2BAE2C60-6AB1-1F02-A4D0-9EE5A08663DB}"/>
          </ac:cxnSpMkLst>
        </pc:cxnChg>
        <pc:cxnChg chg="mod">
          <ac:chgData name="Valentina Facuse" userId="8ac073aa-7feb-47c3-9cf3-f4c37dd140ee" providerId="ADAL" clId="{952DC8EC-DDCB-44ED-9743-6C061AD7F330}" dt="2022-05-18T13:53:59.301" v="712" actId="1076"/>
          <ac:cxnSpMkLst>
            <pc:docMk/>
            <pc:sldMk cId="3225741539" sldId="652"/>
            <ac:cxnSpMk id="87" creationId="{86D0C687-A2C9-F96B-D93B-D345A2F4C978}"/>
          </ac:cxnSpMkLst>
        </pc:cxnChg>
        <pc:cxnChg chg="mod">
          <ac:chgData name="Valentina Facuse" userId="8ac073aa-7feb-47c3-9cf3-f4c37dd140ee" providerId="ADAL" clId="{952DC8EC-DDCB-44ED-9743-6C061AD7F330}" dt="2022-05-18T13:53:59.301" v="712" actId="1076"/>
          <ac:cxnSpMkLst>
            <pc:docMk/>
            <pc:sldMk cId="3225741539" sldId="652"/>
            <ac:cxnSpMk id="88" creationId="{247FE200-D270-5215-1DD4-AB584B44FAC9}"/>
          </ac:cxnSpMkLst>
        </pc:cxnChg>
        <pc:cxnChg chg="mod">
          <ac:chgData name="Valentina Facuse" userId="8ac073aa-7feb-47c3-9cf3-f4c37dd140ee" providerId="ADAL" clId="{952DC8EC-DDCB-44ED-9743-6C061AD7F330}" dt="2022-05-18T13:53:59.301" v="712" actId="1076"/>
          <ac:cxnSpMkLst>
            <pc:docMk/>
            <pc:sldMk cId="3225741539" sldId="652"/>
            <ac:cxnSpMk id="89" creationId="{B8AB9678-62BB-60C3-D472-685FC3FF4ACB}"/>
          </ac:cxnSpMkLst>
        </pc:cxnChg>
        <pc:cxnChg chg="mod">
          <ac:chgData name="Valentina Facuse" userId="8ac073aa-7feb-47c3-9cf3-f4c37dd140ee" providerId="ADAL" clId="{952DC8EC-DDCB-44ED-9743-6C061AD7F330}" dt="2022-05-18T13:53:59.301" v="712" actId="1076"/>
          <ac:cxnSpMkLst>
            <pc:docMk/>
            <pc:sldMk cId="3225741539" sldId="652"/>
            <ac:cxnSpMk id="90" creationId="{5D74A023-695C-42DC-7BC4-EBE856484751}"/>
          </ac:cxnSpMkLst>
        </pc:cxnChg>
        <pc:cxnChg chg="mod">
          <ac:chgData name="Valentina Facuse" userId="8ac073aa-7feb-47c3-9cf3-f4c37dd140ee" providerId="ADAL" clId="{952DC8EC-DDCB-44ED-9743-6C061AD7F330}" dt="2022-05-18T13:53:59.301" v="712" actId="1076"/>
          <ac:cxnSpMkLst>
            <pc:docMk/>
            <pc:sldMk cId="3225741539" sldId="652"/>
            <ac:cxnSpMk id="91" creationId="{1460D0CB-561C-232F-6080-CED14CBC6CD5}"/>
          </ac:cxnSpMkLst>
        </pc:cxnChg>
        <pc:cxnChg chg="mod">
          <ac:chgData name="Valentina Facuse" userId="8ac073aa-7feb-47c3-9cf3-f4c37dd140ee" providerId="ADAL" clId="{952DC8EC-DDCB-44ED-9743-6C061AD7F330}" dt="2022-05-18T13:53:59.301" v="712" actId="1076"/>
          <ac:cxnSpMkLst>
            <pc:docMk/>
            <pc:sldMk cId="3225741539" sldId="652"/>
            <ac:cxnSpMk id="92" creationId="{54B0DA3A-538E-74C9-DB3E-FA893D065AFC}"/>
          </ac:cxnSpMkLst>
        </pc:cxnChg>
        <pc:cxnChg chg="mod">
          <ac:chgData name="Valentina Facuse" userId="8ac073aa-7feb-47c3-9cf3-f4c37dd140ee" providerId="ADAL" clId="{952DC8EC-DDCB-44ED-9743-6C061AD7F330}" dt="2022-05-18T13:53:59.301" v="712" actId="1076"/>
          <ac:cxnSpMkLst>
            <pc:docMk/>
            <pc:sldMk cId="3225741539" sldId="652"/>
            <ac:cxnSpMk id="93" creationId="{3DF1070E-2D93-636E-2FBC-8396EFA1A85C}"/>
          </ac:cxnSpMkLst>
        </pc:cxnChg>
        <pc:cxnChg chg="mod">
          <ac:chgData name="Valentina Facuse" userId="8ac073aa-7feb-47c3-9cf3-f4c37dd140ee" providerId="ADAL" clId="{952DC8EC-DDCB-44ED-9743-6C061AD7F330}" dt="2022-05-18T13:53:59.301" v="712" actId="1076"/>
          <ac:cxnSpMkLst>
            <pc:docMk/>
            <pc:sldMk cId="3225741539" sldId="652"/>
            <ac:cxnSpMk id="97" creationId="{00315578-BAE1-DE8C-B8BD-A4AD6F74D788}"/>
          </ac:cxnSpMkLst>
        </pc:cxnChg>
        <pc:cxnChg chg="mod">
          <ac:chgData name="Valentina Facuse" userId="8ac073aa-7feb-47c3-9cf3-f4c37dd140ee" providerId="ADAL" clId="{952DC8EC-DDCB-44ED-9743-6C061AD7F330}" dt="2022-05-18T13:53:59.301" v="712" actId="1076"/>
          <ac:cxnSpMkLst>
            <pc:docMk/>
            <pc:sldMk cId="3225741539" sldId="652"/>
            <ac:cxnSpMk id="99" creationId="{0B535BCC-6212-5032-F10D-6AE1B559B4CE}"/>
          </ac:cxnSpMkLst>
        </pc:cxnChg>
        <pc:cxnChg chg="mod">
          <ac:chgData name="Valentina Facuse" userId="8ac073aa-7feb-47c3-9cf3-f4c37dd140ee" providerId="ADAL" clId="{952DC8EC-DDCB-44ED-9743-6C061AD7F330}" dt="2022-05-18T13:53:59.301" v="712" actId="1076"/>
          <ac:cxnSpMkLst>
            <pc:docMk/>
            <pc:sldMk cId="3225741539" sldId="652"/>
            <ac:cxnSpMk id="101" creationId="{C284C60C-6FC0-07FC-DA98-CB182B9A07F8}"/>
          </ac:cxnSpMkLst>
        </pc:cxnChg>
        <pc:cxnChg chg="mod">
          <ac:chgData name="Valentina Facuse" userId="8ac073aa-7feb-47c3-9cf3-f4c37dd140ee" providerId="ADAL" clId="{952DC8EC-DDCB-44ED-9743-6C061AD7F330}" dt="2022-05-18T13:53:59.301" v="712" actId="1076"/>
          <ac:cxnSpMkLst>
            <pc:docMk/>
            <pc:sldMk cId="3225741539" sldId="652"/>
            <ac:cxnSpMk id="103" creationId="{BBB540E8-5C48-325D-DB06-3CBF413670BF}"/>
          </ac:cxnSpMkLst>
        </pc:cxnChg>
        <pc:cxnChg chg="mod">
          <ac:chgData name="Valentina Facuse" userId="8ac073aa-7feb-47c3-9cf3-f4c37dd140ee" providerId="ADAL" clId="{952DC8EC-DDCB-44ED-9743-6C061AD7F330}" dt="2022-05-18T13:53:59.301" v="712" actId="1076"/>
          <ac:cxnSpMkLst>
            <pc:docMk/>
            <pc:sldMk cId="3225741539" sldId="652"/>
            <ac:cxnSpMk id="105" creationId="{8001A320-180C-8255-3853-E0036B8DE9BD}"/>
          </ac:cxnSpMkLst>
        </pc:cxnChg>
        <pc:cxnChg chg="mod">
          <ac:chgData name="Valentina Facuse" userId="8ac073aa-7feb-47c3-9cf3-f4c37dd140ee" providerId="ADAL" clId="{952DC8EC-DDCB-44ED-9743-6C061AD7F330}" dt="2022-05-18T13:53:59.301" v="712" actId="1076"/>
          <ac:cxnSpMkLst>
            <pc:docMk/>
            <pc:sldMk cId="3225741539" sldId="652"/>
            <ac:cxnSpMk id="107" creationId="{FD121C45-DB84-DE35-AA2D-E6165D2019DA}"/>
          </ac:cxnSpMkLst>
        </pc:cxnChg>
        <pc:cxnChg chg="mod">
          <ac:chgData name="Valentina Facuse" userId="8ac073aa-7feb-47c3-9cf3-f4c37dd140ee" providerId="ADAL" clId="{952DC8EC-DDCB-44ED-9743-6C061AD7F330}" dt="2022-05-18T13:53:59.301" v="712" actId="1076"/>
          <ac:cxnSpMkLst>
            <pc:docMk/>
            <pc:sldMk cId="3225741539" sldId="652"/>
            <ac:cxnSpMk id="109" creationId="{445C9A4C-E52D-5F42-24BD-009F60616B25}"/>
          </ac:cxnSpMkLst>
        </pc:cxnChg>
        <pc:cxnChg chg="mod">
          <ac:chgData name="Valentina Facuse" userId="8ac073aa-7feb-47c3-9cf3-f4c37dd140ee" providerId="ADAL" clId="{952DC8EC-DDCB-44ED-9743-6C061AD7F330}" dt="2022-05-18T13:53:59.301" v="712" actId="1076"/>
          <ac:cxnSpMkLst>
            <pc:docMk/>
            <pc:sldMk cId="3225741539" sldId="652"/>
            <ac:cxnSpMk id="111" creationId="{52D6FEA0-B42F-5087-5EE1-56339D61A79B}"/>
          </ac:cxnSpMkLst>
        </pc:cxnChg>
        <pc:cxnChg chg="mod">
          <ac:chgData name="Valentina Facuse" userId="8ac073aa-7feb-47c3-9cf3-f4c37dd140ee" providerId="ADAL" clId="{952DC8EC-DDCB-44ED-9743-6C061AD7F330}" dt="2022-05-18T13:53:59.301" v="712" actId="1076"/>
          <ac:cxnSpMkLst>
            <pc:docMk/>
            <pc:sldMk cId="3225741539" sldId="652"/>
            <ac:cxnSpMk id="113" creationId="{D5F38542-F5A9-241E-918E-8D348D5FD61B}"/>
          </ac:cxnSpMkLst>
        </pc:cxnChg>
        <pc:cxnChg chg="mod">
          <ac:chgData name="Valentina Facuse" userId="8ac073aa-7feb-47c3-9cf3-f4c37dd140ee" providerId="ADAL" clId="{952DC8EC-DDCB-44ED-9743-6C061AD7F330}" dt="2022-05-18T13:53:59.301" v="712" actId="1076"/>
          <ac:cxnSpMkLst>
            <pc:docMk/>
            <pc:sldMk cId="3225741539" sldId="652"/>
            <ac:cxnSpMk id="115" creationId="{6AE9FDF3-8A6E-ED61-4000-37D41E4796FD}"/>
          </ac:cxnSpMkLst>
        </pc:cxnChg>
        <pc:cxnChg chg="mod">
          <ac:chgData name="Valentina Facuse" userId="8ac073aa-7feb-47c3-9cf3-f4c37dd140ee" providerId="ADAL" clId="{952DC8EC-DDCB-44ED-9743-6C061AD7F330}" dt="2022-05-18T13:53:59.301" v="712" actId="1076"/>
          <ac:cxnSpMkLst>
            <pc:docMk/>
            <pc:sldMk cId="3225741539" sldId="652"/>
            <ac:cxnSpMk id="117" creationId="{01DE0FD5-A54C-9267-027D-5E4A9E39B6AF}"/>
          </ac:cxnSpMkLst>
        </pc:cxnChg>
      </pc:sldChg>
      <pc:sldChg chg="addSp modSp add mod">
        <pc:chgData name="Valentina Facuse" userId="8ac073aa-7feb-47c3-9cf3-f4c37dd140ee" providerId="ADAL" clId="{952DC8EC-DDCB-44ED-9743-6C061AD7F330}" dt="2022-05-18T13:55:07.662" v="724" actId="1076"/>
        <pc:sldMkLst>
          <pc:docMk/>
          <pc:sldMk cId="529784644" sldId="653"/>
        </pc:sldMkLst>
        <pc:spChg chg="mod">
          <ac:chgData name="Valentina Facuse" userId="8ac073aa-7feb-47c3-9cf3-f4c37dd140ee" providerId="ADAL" clId="{952DC8EC-DDCB-44ED-9743-6C061AD7F330}" dt="2022-05-18T13:55:04.344" v="722" actId="14100"/>
          <ac:spMkLst>
            <pc:docMk/>
            <pc:sldMk cId="529784644" sldId="653"/>
            <ac:spMk id="2" creationId="{62466923-4D41-4DCD-9587-2855C0719472}"/>
          </ac:spMkLst>
        </pc:spChg>
        <pc:spChg chg="mod">
          <ac:chgData name="Valentina Facuse" userId="8ac073aa-7feb-47c3-9cf3-f4c37dd140ee" providerId="ADAL" clId="{952DC8EC-DDCB-44ED-9743-6C061AD7F330}" dt="2022-05-18T13:54:41.357" v="717" actId="27636"/>
          <ac:spMkLst>
            <pc:docMk/>
            <pc:sldMk cId="529784644" sldId="653"/>
            <ac:spMk id="3" creationId="{B67E1C04-7AC0-47B9-A990-11C7D1776B18}"/>
          </ac:spMkLst>
        </pc:spChg>
        <pc:picChg chg="add mod">
          <ac:chgData name="Valentina Facuse" userId="8ac073aa-7feb-47c3-9cf3-f4c37dd140ee" providerId="ADAL" clId="{952DC8EC-DDCB-44ED-9743-6C061AD7F330}" dt="2022-05-18T13:55:07.662" v="724" actId="1076"/>
          <ac:picMkLst>
            <pc:docMk/>
            <pc:sldMk cId="529784644" sldId="653"/>
            <ac:picMk id="4" creationId="{DB47E845-8977-9A83-6C41-DAF1A886114A}"/>
          </ac:picMkLst>
        </pc:picChg>
      </pc:sldChg>
      <pc:sldChg chg="addSp delSp modSp add mod">
        <pc:chgData name="Valentina Facuse" userId="8ac073aa-7feb-47c3-9cf3-f4c37dd140ee" providerId="ADAL" clId="{952DC8EC-DDCB-44ED-9743-6C061AD7F330}" dt="2022-05-18T13:55:50.688" v="734" actId="1076"/>
        <pc:sldMkLst>
          <pc:docMk/>
          <pc:sldMk cId="3485489309" sldId="654"/>
        </pc:sldMkLst>
        <pc:spChg chg="mod">
          <ac:chgData name="Valentina Facuse" userId="8ac073aa-7feb-47c3-9cf3-f4c37dd140ee" providerId="ADAL" clId="{952DC8EC-DDCB-44ED-9743-6C061AD7F330}" dt="2022-05-18T13:55:39.967" v="731"/>
          <ac:spMkLst>
            <pc:docMk/>
            <pc:sldMk cId="3485489309" sldId="654"/>
            <ac:spMk id="2" creationId="{62466923-4D41-4DCD-9587-2855C0719472}"/>
          </ac:spMkLst>
        </pc:spChg>
        <pc:spChg chg="mod">
          <ac:chgData name="Valentina Facuse" userId="8ac073aa-7feb-47c3-9cf3-f4c37dd140ee" providerId="ADAL" clId="{952DC8EC-DDCB-44ED-9743-6C061AD7F330}" dt="2022-05-18T13:55:31.492" v="729"/>
          <ac:spMkLst>
            <pc:docMk/>
            <pc:sldMk cId="3485489309" sldId="654"/>
            <ac:spMk id="3" creationId="{B67E1C04-7AC0-47B9-A990-11C7D1776B18}"/>
          </ac:spMkLst>
        </pc:spChg>
        <pc:picChg chg="del">
          <ac:chgData name="Valentina Facuse" userId="8ac073aa-7feb-47c3-9cf3-f4c37dd140ee" providerId="ADAL" clId="{952DC8EC-DDCB-44ED-9743-6C061AD7F330}" dt="2022-05-18T13:55:47.674" v="732" actId="478"/>
          <ac:picMkLst>
            <pc:docMk/>
            <pc:sldMk cId="3485489309" sldId="654"/>
            <ac:picMk id="4" creationId="{DB47E845-8977-9A83-6C41-DAF1A886114A}"/>
          </ac:picMkLst>
        </pc:picChg>
        <pc:picChg chg="add mod">
          <ac:chgData name="Valentina Facuse" userId="8ac073aa-7feb-47c3-9cf3-f4c37dd140ee" providerId="ADAL" clId="{952DC8EC-DDCB-44ED-9743-6C061AD7F330}" dt="2022-05-18T13:55:50.688" v="734" actId="1076"/>
          <ac:picMkLst>
            <pc:docMk/>
            <pc:sldMk cId="3485489309" sldId="654"/>
            <ac:picMk id="5" creationId="{C4BC678B-28E0-6F77-5BAA-FF9163B2236F}"/>
          </ac:picMkLst>
        </pc:picChg>
      </pc:sldChg>
      <pc:sldChg chg="modSp add mod">
        <pc:chgData name="Valentina Facuse" userId="8ac073aa-7feb-47c3-9cf3-f4c37dd140ee" providerId="ADAL" clId="{952DC8EC-DDCB-44ED-9743-6C061AD7F330}" dt="2022-05-18T13:56:16.208" v="748" actId="27636"/>
        <pc:sldMkLst>
          <pc:docMk/>
          <pc:sldMk cId="2350518952" sldId="655"/>
        </pc:sldMkLst>
        <pc:spChg chg="mod">
          <ac:chgData name="Valentina Facuse" userId="8ac073aa-7feb-47c3-9cf3-f4c37dd140ee" providerId="ADAL" clId="{952DC8EC-DDCB-44ED-9743-6C061AD7F330}" dt="2022-05-18T13:56:16.208" v="748" actId="27636"/>
          <ac:spMkLst>
            <pc:docMk/>
            <pc:sldMk cId="2350518952" sldId="655"/>
            <ac:spMk id="2" creationId="{E373D351-0C07-414D-B4BF-BBE5F1F83375}"/>
          </ac:spMkLst>
        </pc:spChg>
      </pc:sldChg>
      <pc:sldChg chg="delSp modSp add mod">
        <pc:chgData name="Valentina Facuse" userId="8ac073aa-7feb-47c3-9cf3-f4c37dd140ee" providerId="ADAL" clId="{952DC8EC-DDCB-44ED-9743-6C061AD7F330}" dt="2022-05-18T13:57:15.622" v="771" actId="14100"/>
        <pc:sldMkLst>
          <pc:docMk/>
          <pc:sldMk cId="1667146309" sldId="656"/>
        </pc:sldMkLst>
        <pc:spChg chg="mod">
          <ac:chgData name="Valentina Facuse" userId="8ac073aa-7feb-47c3-9cf3-f4c37dd140ee" providerId="ADAL" clId="{952DC8EC-DDCB-44ED-9743-6C061AD7F330}" dt="2022-05-18T13:57:15.622" v="771" actId="14100"/>
          <ac:spMkLst>
            <pc:docMk/>
            <pc:sldMk cId="1667146309" sldId="656"/>
            <ac:spMk id="2" creationId="{62466923-4D41-4DCD-9587-2855C0719472}"/>
          </ac:spMkLst>
        </pc:spChg>
        <pc:spChg chg="mod">
          <ac:chgData name="Valentina Facuse" userId="8ac073aa-7feb-47c3-9cf3-f4c37dd140ee" providerId="ADAL" clId="{952DC8EC-DDCB-44ED-9743-6C061AD7F330}" dt="2022-05-18T13:56:43.020" v="765"/>
          <ac:spMkLst>
            <pc:docMk/>
            <pc:sldMk cId="1667146309" sldId="656"/>
            <ac:spMk id="3" creationId="{B67E1C04-7AC0-47B9-A990-11C7D1776B18}"/>
          </ac:spMkLst>
        </pc:spChg>
        <pc:picChg chg="del">
          <ac:chgData name="Valentina Facuse" userId="8ac073aa-7feb-47c3-9cf3-f4c37dd140ee" providerId="ADAL" clId="{952DC8EC-DDCB-44ED-9743-6C061AD7F330}" dt="2022-05-18T13:57:06.466" v="770" actId="478"/>
          <ac:picMkLst>
            <pc:docMk/>
            <pc:sldMk cId="1667146309" sldId="656"/>
            <ac:picMk id="5" creationId="{C4BC678B-28E0-6F77-5BAA-FF9163B2236F}"/>
          </ac:picMkLst>
        </pc:picChg>
      </pc:sldChg>
      <pc:sldChg chg="addSp delSp modSp add mod">
        <pc:chgData name="Valentina Facuse" userId="8ac073aa-7feb-47c3-9cf3-f4c37dd140ee" providerId="ADAL" clId="{952DC8EC-DDCB-44ED-9743-6C061AD7F330}" dt="2022-05-18T13:58:09.731" v="793" actId="255"/>
        <pc:sldMkLst>
          <pc:docMk/>
          <pc:sldMk cId="709357709" sldId="657"/>
        </pc:sldMkLst>
        <pc:spChg chg="del">
          <ac:chgData name="Valentina Facuse" userId="8ac073aa-7feb-47c3-9cf3-f4c37dd140ee" providerId="ADAL" clId="{952DC8EC-DDCB-44ED-9743-6C061AD7F330}" dt="2022-05-18T13:57:49.356" v="789" actId="478"/>
          <ac:spMkLst>
            <pc:docMk/>
            <pc:sldMk cId="709357709" sldId="657"/>
            <ac:spMk id="2" creationId="{62466923-4D41-4DCD-9587-2855C0719472}"/>
          </ac:spMkLst>
        </pc:spChg>
        <pc:spChg chg="mod">
          <ac:chgData name="Valentina Facuse" userId="8ac073aa-7feb-47c3-9cf3-f4c37dd140ee" providerId="ADAL" clId="{952DC8EC-DDCB-44ED-9743-6C061AD7F330}" dt="2022-05-18T13:57:39.702" v="788"/>
          <ac:spMkLst>
            <pc:docMk/>
            <pc:sldMk cId="709357709" sldId="657"/>
            <ac:spMk id="3" creationId="{B67E1C04-7AC0-47B9-A990-11C7D1776B18}"/>
          </ac:spMkLst>
        </pc:spChg>
        <pc:spChg chg="add del mod">
          <ac:chgData name="Valentina Facuse" userId="8ac073aa-7feb-47c3-9cf3-f4c37dd140ee" providerId="ADAL" clId="{952DC8EC-DDCB-44ED-9743-6C061AD7F330}" dt="2022-05-18T13:57:52.108" v="791" actId="478"/>
          <ac:spMkLst>
            <pc:docMk/>
            <pc:sldMk cId="709357709" sldId="657"/>
            <ac:spMk id="5" creationId="{18E71874-23EB-1529-4E43-63833E5BCF38}"/>
          </ac:spMkLst>
        </pc:spChg>
        <pc:spChg chg="add mod">
          <ac:chgData name="Valentina Facuse" userId="8ac073aa-7feb-47c3-9cf3-f4c37dd140ee" providerId="ADAL" clId="{952DC8EC-DDCB-44ED-9743-6C061AD7F330}" dt="2022-05-18T13:58:09.731" v="793" actId="255"/>
          <ac:spMkLst>
            <pc:docMk/>
            <pc:sldMk cId="709357709" sldId="657"/>
            <ac:spMk id="6" creationId="{F6282CBB-EB3C-DF2A-19FF-00D496281762}"/>
          </ac:spMkLst>
        </pc:spChg>
      </pc:sldChg>
      <pc:sldChg chg="addSp delSp modSp add">
        <pc:chgData name="Valentina Facuse" userId="8ac073aa-7feb-47c3-9cf3-f4c37dd140ee" providerId="ADAL" clId="{952DC8EC-DDCB-44ED-9743-6C061AD7F330}" dt="2022-05-18T14:41:22.634" v="799" actId="1076"/>
        <pc:sldMkLst>
          <pc:docMk/>
          <pc:sldMk cId="1180061539" sldId="658"/>
        </pc:sldMkLst>
        <pc:spChg chg="del">
          <ac:chgData name="Valentina Facuse" userId="8ac073aa-7feb-47c3-9cf3-f4c37dd140ee" providerId="ADAL" clId="{952DC8EC-DDCB-44ED-9743-6C061AD7F330}" dt="2022-05-18T14:41:08.794" v="797" actId="478"/>
          <ac:spMkLst>
            <pc:docMk/>
            <pc:sldMk cId="1180061539" sldId="658"/>
            <ac:spMk id="83" creationId="{735A31DF-EDC6-9CB5-7539-4244F8C57AC5}"/>
          </ac:spMkLst>
        </pc:spChg>
        <pc:spChg chg="del">
          <ac:chgData name="Valentina Facuse" userId="8ac073aa-7feb-47c3-9cf3-f4c37dd140ee" providerId="ADAL" clId="{952DC8EC-DDCB-44ED-9743-6C061AD7F330}" dt="2022-05-18T14:41:08.794" v="797" actId="478"/>
          <ac:spMkLst>
            <pc:docMk/>
            <pc:sldMk cId="1180061539" sldId="658"/>
            <ac:spMk id="165" creationId="{3631A3AA-B91E-8C36-AA48-BD0888095C71}"/>
          </ac:spMkLst>
        </pc:spChg>
        <pc:spChg chg="del">
          <ac:chgData name="Valentina Facuse" userId="8ac073aa-7feb-47c3-9cf3-f4c37dd140ee" providerId="ADAL" clId="{952DC8EC-DDCB-44ED-9743-6C061AD7F330}" dt="2022-05-18T14:41:08.794" v="797" actId="478"/>
          <ac:spMkLst>
            <pc:docMk/>
            <pc:sldMk cId="1180061539" sldId="658"/>
            <ac:spMk id="166" creationId="{081AD6FC-4C56-5B83-C321-C93C3CD575D4}"/>
          </ac:spMkLst>
        </pc:spChg>
        <pc:spChg chg="del">
          <ac:chgData name="Valentina Facuse" userId="8ac073aa-7feb-47c3-9cf3-f4c37dd140ee" providerId="ADAL" clId="{952DC8EC-DDCB-44ED-9743-6C061AD7F330}" dt="2022-05-18T14:41:08.794" v="797" actId="478"/>
          <ac:spMkLst>
            <pc:docMk/>
            <pc:sldMk cId="1180061539" sldId="658"/>
            <ac:spMk id="167" creationId="{9A27474C-3A05-C951-7C30-0A65F193FC6C}"/>
          </ac:spMkLst>
        </pc:spChg>
        <pc:spChg chg="add mod">
          <ac:chgData name="Valentina Facuse" userId="8ac073aa-7feb-47c3-9cf3-f4c37dd140ee" providerId="ADAL" clId="{952DC8EC-DDCB-44ED-9743-6C061AD7F330}" dt="2022-05-18T14:41:22.634" v="799" actId="1076"/>
          <ac:spMkLst>
            <pc:docMk/>
            <pc:sldMk cId="1180061539" sldId="658"/>
            <ac:spMk id="168" creationId="{CB9C51C0-13D4-E492-C20A-821EA9287F31}"/>
          </ac:spMkLst>
        </pc:spChg>
        <pc:spChg chg="mod">
          <ac:chgData name="Valentina Facuse" userId="8ac073aa-7feb-47c3-9cf3-f4c37dd140ee" providerId="ADAL" clId="{952DC8EC-DDCB-44ED-9743-6C061AD7F330}" dt="2022-05-18T14:41:22.634" v="799" actId="1076"/>
          <ac:spMkLst>
            <pc:docMk/>
            <pc:sldMk cId="1180061539" sldId="658"/>
            <ac:spMk id="179" creationId="{4A854CC0-ABE5-CF64-4008-A06A8A02D938}"/>
          </ac:spMkLst>
        </pc:spChg>
        <pc:spChg chg="mod">
          <ac:chgData name="Valentina Facuse" userId="8ac073aa-7feb-47c3-9cf3-f4c37dd140ee" providerId="ADAL" clId="{952DC8EC-DDCB-44ED-9743-6C061AD7F330}" dt="2022-05-18T14:41:22.634" v="799" actId="1076"/>
          <ac:spMkLst>
            <pc:docMk/>
            <pc:sldMk cId="1180061539" sldId="658"/>
            <ac:spMk id="180" creationId="{4EB2E67F-253C-FF93-E6BB-C357FBE481F2}"/>
          </ac:spMkLst>
        </pc:spChg>
        <pc:spChg chg="mod">
          <ac:chgData name="Valentina Facuse" userId="8ac073aa-7feb-47c3-9cf3-f4c37dd140ee" providerId="ADAL" clId="{952DC8EC-DDCB-44ED-9743-6C061AD7F330}" dt="2022-05-18T14:41:22.634" v="799" actId="1076"/>
          <ac:spMkLst>
            <pc:docMk/>
            <pc:sldMk cId="1180061539" sldId="658"/>
            <ac:spMk id="181" creationId="{2E13C703-22B2-2929-D677-135E3547EFA0}"/>
          </ac:spMkLst>
        </pc:spChg>
        <pc:spChg chg="mod">
          <ac:chgData name="Valentina Facuse" userId="8ac073aa-7feb-47c3-9cf3-f4c37dd140ee" providerId="ADAL" clId="{952DC8EC-DDCB-44ED-9743-6C061AD7F330}" dt="2022-05-18T14:41:22.634" v="799" actId="1076"/>
          <ac:spMkLst>
            <pc:docMk/>
            <pc:sldMk cId="1180061539" sldId="658"/>
            <ac:spMk id="183" creationId="{C33BD9D3-E9B8-1DC3-2B9D-D00C3F66C07E}"/>
          </ac:spMkLst>
        </pc:spChg>
        <pc:spChg chg="mod">
          <ac:chgData name="Valentina Facuse" userId="8ac073aa-7feb-47c3-9cf3-f4c37dd140ee" providerId="ADAL" clId="{952DC8EC-DDCB-44ED-9743-6C061AD7F330}" dt="2022-05-18T14:41:22.634" v="799" actId="1076"/>
          <ac:spMkLst>
            <pc:docMk/>
            <pc:sldMk cId="1180061539" sldId="658"/>
            <ac:spMk id="185" creationId="{FA50FCBE-E252-3FE4-D134-7392FA6AF44D}"/>
          </ac:spMkLst>
        </pc:spChg>
        <pc:spChg chg="mod">
          <ac:chgData name="Valentina Facuse" userId="8ac073aa-7feb-47c3-9cf3-f4c37dd140ee" providerId="ADAL" clId="{952DC8EC-DDCB-44ED-9743-6C061AD7F330}" dt="2022-05-18T14:41:22.634" v="799" actId="1076"/>
          <ac:spMkLst>
            <pc:docMk/>
            <pc:sldMk cId="1180061539" sldId="658"/>
            <ac:spMk id="187" creationId="{C59030FF-C46B-494C-0FF1-55C9F0E371B4}"/>
          </ac:spMkLst>
        </pc:spChg>
        <pc:spChg chg="mod">
          <ac:chgData name="Valentina Facuse" userId="8ac073aa-7feb-47c3-9cf3-f4c37dd140ee" providerId="ADAL" clId="{952DC8EC-DDCB-44ED-9743-6C061AD7F330}" dt="2022-05-18T14:41:22.634" v="799" actId="1076"/>
          <ac:spMkLst>
            <pc:docMk/>
            <pc:sldMk cId="1180061539" sldId="658"/>
            <ac:spMk id="189" creationId="{61288997-8EE1-A480-3FCC-8EBA33B41F39}"/>
          </ac:spMkLst>
        </pc:spChg>
        <pc:spChg chg="mod">
          <ac:chgData name="Valentina Facuse" userId="8ac073aa-7feb-47c3-9cf3-f4c37dd140ee" providerId="ADAL" clId="{952DC8EC-DDCB-44ED-9743-6C061AD7F330}" dt="2022-05-18T14:41:22.634" v="799" actId="1076"/>
          <ac:spMkLst>
            <pc:docMk/>
            <pc:sldMk cId="1180061539" sldId="658"/>
            <ac:spMk id="191" creationId="{F3F6527A-9FCB-29BF-3CBF-9EB135A5207E}"/>
          </ac:spMkLst>
        </pc:spChg>
        <pc:spChg chg="mod">
          <ac:chgData name="Valentina Facuse" userId="8ac073aa-7feb-47c3-9cf3-f4c37dd140ee" providerId="ADAL" clId="{952DC8EC-DDCB-44ED-9743-6C061AD7F330}" dt="2022-05-18T14:41:22.634" v="799" actId="1076"/>
          <ac:spMkLst>
            <pc:docMk/>
            <pc:sldMk cId="1180061539" sldId="658"/>
            <ac:spMk id="193" creationId="{AF404713-F5B9-F729-9CAB-D206F91D9F7F}"/>
          </ac:spMkLst>
        </pc:spChg>
        <pc:spChg chg="mod">
          <ac:chgData name="Valentina Facuse" userId="8ac073aa-7feb-47c3-9cf3-f4c37dd140ee" providerId="ADAL" clId="{952DC8EC-DDCB-44ED-9743-6C061AD7F330}" dt="2022-05-18T14:41:22.634" v="799" actId="1076"/>
          <ac:spMkLst>
            <pc:docMk/>
            <pc:sldMk cId="1180061539" sldId="658"/>
            <ac:spMk id="195" creationId="{14D75F3C-EE43-AA13-F752-4F1542D0D527}"/>
          </ac:spMkLst>
        </pc:spChg>
        <pc:spChg chg="mod">
          <ac:chgData name="Valentina Facuse" userId="8ac073aa-7feb-47c3-9cf3-f4c37dd140ee" providerId="ADAL" clId="{952DC8EC-DDCB-44ED-9743-6C061AD7F330}" dt="2022-05-18T14:41:22.634" v="799" actId="1076"/>
          <ac:spMkLst>
            <pc:docMk/>
            <pc:sldMk cId="1180061539" sldId="658"/>
            <ac:spMk id="197" creationId="{6A213B89-0CE4-1DC4-8751-F7F191EFF7B2}"/>
          </ac:spMkLst>
        </pc:spChg>
        <pc:spChg chg="mod">
          <ac:chgData name="Valentina Facuse" userId="8ac073aa-7feb-47c3-9cf3-f4c37dd140ee" providerId="ADAL" clId="{952DC8EC-DDCB-44ED-9743-6C061AD7F330}" dt="2022-05-18T14:41:22.634" v="799" actId="1076"/>
          <ac:spMkLst>
            <pc:docMk/>
            <pc:sldMk cId="1180061539" sldId="658"/>
            <ac:spMk id="199" creationId="{AE42A667-1E0C-0560-2B0D-E290CF43E363}"/>
          </ac:spMkLst>
        </pc:spChg>
        <pc:spChg chg="mod">
          <ac:chgData name="Valentina Facuse" userId="8ac073aa-7feb-47c3-9cf3-f4c37dd140ee" providerId="ADAL" clId="{952DC8EC-DDCB-44ED-9743-6C061AD7F330}" dt="2022-05-18T14:41:22.634" v="799" actId="1076"/>
          <ac:spMkLst>
            <pc:docMk/>
            <pc:sldMk cId="1180061539" sldId="658"/>
            <ac:spMk id="201" creationId="{52D22B0A-D7CF-C87F-346A-226DB1F7EF68}"/>
          </ac:spMkLst>
        </pc:spChg>
        <pc:spChg chg="mod">
          <ac:chgData name="Valentina Facuse" userId="8ac073aa-7feb-47c3-9cf3-f4c37dd140ee" providerId="ADAL" clId="{952DC8EC-DDCB-44ED-9743-6C061AD7F330}" dt="2022-05-18T14:41:22.634" v="799" actId="1076"/>
          <ac:spMkLst>
            <pc:docMk/>
            <pc:sldMk cId="1180061539" sldId="658"/>
            <ac:spMk id="203" creationId="{D22BC041-B69C-A07F-E5B9-27D9A779B199}"/>
          </ac:spMkLst>
        </pc:spChg>
        <pc:spChg chg="mod">
          <ac:chgData name="Valentina Facuse" userId="8ac073aa-7feb-47c3-9cf3-f4c37dd140ee" providerId="ADAL" clId="{952DC8EC-DDCB-44ED-9743-6C061AD7F330}" dt="2022-05-18T14:41:22.634" v="799" actId="1076"/>
          <ac:spMkLst>
            <pc:docMk/>
            <pc:sldMk cId="1180061539" sldId="658"/>
            <ac:spMk id="204" creationId="{1172870D-67EC-20D2-0EC9-A676BCFE8908}"/>
          </ac:spMkLst>
        </pc:spChg>
        <pc:spChg chg="mod">
          <ac:chgData name="Valentina Facuse" userId="8ac073aa-7feb-47c3-9cf3-f4c37dd140ee" providerId="ADAL" clId="{952DC8EC-DDCB-44ED-9743-6C061AD7F330}" dt="2022-05-18T14:41:22.634" v="799" actId="1076"/>
          <ac:spMkLst>
            <pc:docMk/>
            <pc:sldMk cId="1180061539" sldId="658"/>
            <ac:spMk id="205" creationId="{279A72D4-2987-46EF-C924-FDC9D6AB0B3F}"/>
          </ac:spMkLst>
        </pc:spChg>
        <pc:spChg chg="mod">
          <ac:chgData name="Valentina Facuse" userId="8ac073aa-7feb-47c3-9cf3-f4c37dd140ee" providerId="ADAL" clId="{952DC8EC-DDCB-44ED-9743-6C061AD7F330}" dt="2022-05-18T14:41:22.634" v="799" actId="1076"/>
          <ac:spMkLst>
            <pc:docMk/>
            <pc:sldMk cId="1180061539" sldId="658"/>
            <ac:spMk id="206" creationId="{572E7DF3-BEE9-F1CD-E84D-7B0003DBAA34}"/>
          </ac:spMkLst>
        </pc:spChg>
        <pc:spChg chg="mod">
          <ac:chgData name="Valentina Facuse" userId="8ac073aa-7feb-47c3-9cf3-f4c37dd140ee" providerId="ADAL" clId="{952DC8EC-DDCB-44ED-9743-6C061AD7F330}" dt="2022-05-18T14:41:22.634" v="799" actId="1076"/>
          <ac:spMkLst>
            <pc:docMk/>
            <pc:sldMk cId="1180061539" sldId="658"/>
            <ac:spMk id="207" creationId="{4616BD66-6E45-10FC-7D15-8E621F5D771C}"/>
          </ac:spMkLst>
        </pc:spChg>
        <pc:spChg chg="mod">
          <ac:chgData name="Valentina Facuse" userId="8ac073aa-7feb-47c3-9cf3-f4c37dd140ee" providerId="ADAL" clId="{952DC8EC-DDCB-44ED-9743-6C061AD7F330}" dt="2022-05-18T14:41:22.634" v="799" actId="1076"/>
          <ac:spMkLst>
            <pc:docMk/>
            <pc:sldMk cId="1180061539" sldId="658"/>
            <ac:spMk id="208" creationId="{ADDCCC2D-6760-3DD6-1183-6DD5E6CF044A}"/>
          </ac:spMkLst>
        </pc:spChg>
        <pc:spChg chg="mod">
          <ac:chgData name="Valentina Facuse" userId="8ac073aa-7feb-47c3-9cf3-f4c37dd140ee" providerId="ADAL" clId="{952DC8EC-DDCB-44ED-9743-6C061AD7F330}" dt="2022-05-18T14:41:22.634" v="799" actId="1076"/>
          <ac:spMkLst>
            <pc:docMk/>
            <pc:sldMk cId="1180061539" sldId="658"/>
            <ac:spMk id="209" creationId="{6F533C32-21B3-77D5-3276-90AA89010E11}"/>
          </ac:spMkLst>
        </pc:spChg>
        <pc:spChg chg="mod">
          <ac:chgData name="Valentina Facuse" userId="8ac073aa-7feb-47c3-9cf3-f4c37dd140ee" providerId="ADAL" clId="{952DC8EC-DDCB-44ED-9743-6C061AD7F330}" dt="2022-05-18T14:41:22.634" v="799" actId="1076"/>
          <ac:spMkLst>
            <pc:docMk/>
            <pc:sldMk cId="1180061539" sldId="658"/>
            <ac:spMk id="210" creationId="{5F83DC9D-36AA-D4C1-0068-EDC9901DE3C6}"/>
          </ac:spMkLst>
        </pc:spChg>
        <pc:spChg chg="mod">
          <ac:chgData name="Valentina Facuse" userId="8ac073aa-7feb-47c3-9cf3-f4c37dd140ee" providerId="ADAL" clId="{952DC8EC-DDCB-44ED-9743-6C061AD7F330}" dt="2022-05-18T14:41:22.634" v="799" actId="1076"/>
          <ac:spMkLst>
            <pc:docMk/>
            <pc:sldMk cId="1180061539" sldId="658"/>
            <ac:spMk id="211" creationId="{7580E449-C4AD-D4D9-3191-AFD8124996DD}"/>
          </ac:spMkLst>
        </pc:spChg>
        <pc:spChg chg="mod">
          <ac:chgData name="Valentina Facuse" userId="8ac073aa-7feb-47c3-9cf3-f4c37dd140ee" providerId="ADAL" clId="{952DC8EC-DDCB-44ED-9743-6C061AD7F330}" dt="2022-05-18T14:41:22.634" v="799" actId="1076"/>
          <ac:spMkLst>
            <pc:docMk/>
            <pc:sldMk cId="1180061539" sldId="658"/>
            <ac:spMk id="212" creationId="{D0C35FD9-310B-83D4-6389-A515A9F494A2}"/>
          </ac:spMkLst>
        </pc:spChg>
        <pc:spChg chg="mod">
          <ac:chgData name="Valentina Facuse" userId="8ac073aa-7feb-47c3-9cf3-f4c37dd140ee" providerId="ADAL" clId="{952DC8EC-DDCB-44ED-9743-6C061AD7F330}" dt="2022-05-18T14:41:22.634" v="799" actId="1076"/>
          <ac:spMkLst>
            <pc:docMk/>
            <pc:sldMk cId="1180061539" sldId="658"/>
            <ac:spMk id="213" creationId="{655713ED-1AF8-1BC3-5573-D40FAFC2D2AB}"/>
          </ac:spMkLst>
        </pc:spChg>
        <pc:spChg chg="mod">
          <ac:chgData name="Valentina Facuse" userId="8ac073aa-7feb-47c3-9cf3-f4c37dd140ee" providerId="ADAL" clId="{952DC8EC-DDCB-44ED-9743-6C061AD7F330}" dt="2022-05-18T14:41:22.634" v="799" actId="1076"/>
          <ac:spMkLst>
            <pc:docMk/>
            <pc:sldMk cId="1180061539" sldId="658"/>
            <ac:spMk id="214" creationId="{6D9C3746-AFAE-880C-127E-5B06EE558307}"/>
          </ac:spMkLst>
        </pc:spChg>
        <pc:spChg chg="mod">
          <ac:chgData name="Valentina Facuse" userId="8ac073aa-7feb-47c3-9cf3-f4c37dd140ee" providerId="ADAL" clId="{952DC8EC-DDCB-44ED-9743-6C061AD7F330}" dt="2022-05-18T14:41:22.634" v="799" actId="1076"/>
          <ac:spMkLst>
            <pc:docMk/>
            <pc:sldMk cId="1180061539" sldId="658"/>
            <ac:spMk id="215" creationId="{21EAC0B9-FC52-C43F-39EA-A0345A33D0DD}"/>
          </ac:spMkLst>
        </pc:spChg>
        <pc:spChg chg="mod">
          <ac:chgData name="Valentina Facuse" userId="8ac073aa-7feb-47c3-9cf3-f4c37dd140ee" providerId="ADAL" clId="{952DC8EC-DDCB-44ED-9743-6C061AD7F330}" dt="2022-05-18T14:41:22.634" v="799" actId="1076"/>
          <ac:spMkLst>
            <pc:docMk/>
            <pc:sldMk cId="1180061539" sldId="658"/>
            <ac:spMk id="216" creationId="{093AD4C6-F99D-7415-1592-9A568089F61A}"/>
          </ac:spMkLst>
        </pc:spChg>
        <pc:spChg chg="mod">
          <ac:chgData name="Valentina Facuse" userId="8ac073aa-7feb-47c3-9cf3-f4c37dd140ee" providerId="ADAL" clId="{952DC8EC-DDCB-44ED-9743-6C061AD7F330}" dt="2022-05-18T14:41:22.634" v="799" actId="1076"/>
          <ac:spMkLst>
            <pc:docMk/>
            <pc:sldMk cId="1180061539" sldId="658"/>
            <ac:spMk id="217" creationId="{73BEB1B7-0111-39AE-E403-EBEF1EB26197}"/>
          </ac:spMkLst>
        </pc:spChg>
        <pc:spChg chg="mod">
          <ac:chgData name="Valentina Facuse" userId="8ac073aa-7feb-47c3-9cf3-f4c37dd140ee" providerId="ADAL" clId="{952DC8EC-DDCB-44ED-9743-6C061AD7F330}" dt="2022-05-18T14:41:22.634" v="799" actId="1076"/>
          <ac:spMkLst>
            <pc:docMk/>
            <pc:sldMk cId="1180061539" sldId="658"/>
            <ac:spMk id="218" creationId="{AC40A702-AB14-7E3C-3249-34997A85837A}"/>
          </ac:spMkLst>
        </pc:spChg>
        <pc:spChg chg="mod">
          <ac:chgData name="Valentina Facuse" userId="8ac073aa-7feb-47c3-9cf3-f4c37dd140ee" providerId="ADAL" clId="{952DC8EC-DDCB-44ED-9743-6C061AD7F330}" dt="2022-05-18T14:41:22.634" v="799" actId="1076"/>
          <ac:spMkLst>
            <pc:docMk/>
            <pc:sldMk cId="1180061539" sldId="658"/>
            <ac:spMk id="219" creationId="{A66ED721-D63D-512B-081A-3F2E7A14854D}"/>
          </ac:spMkLst>
        </pc:spChg>
        <pc:spChg chg="mod">
          <ac:chgData name="Valentina Facuse" userId="8ac073aa-7feb-47c3-9cf3-f4c37dd140ee" providerId="ADAL" clId="{952DC8EC-DDCB-44ED-9743-6C061AD7F330}" dt="2022-05-18T14:41:22.634" v="799" actId="1076"/>
          <ac:spMkLst>
            <pc:docMk/>
            <pc:sldMk cId="1180061539" sldId="658"/>
            <ac:spMk id="220" creationId="{03F9E18E-B0B1-C0C0-39E7-DC289A619055}"/>
          </ac:spMkLst>
        </pc:spChg>
        <pc:spChg chg="mod">
          <ac:chgData name="Valentina Facuse" userId="8ac073aa-7feb-47c3-9cf3-f4c37dd140ee" providerId="ADAL" clId="{952DC8EC-DDCB-44ED-9743-6C061AD7F330}" dt="2022-05-18T14:41:22.634" v="799" actId="1076"/>
          <ac:spMkLst>
            <pc:docMk/>
            <pc:sldMk cId="1180061539" sldId="658"/>
            <ac:spMk id="221" creationId="{6EDD24F3-B20D-3FFF-C038-55CD6E8B5166}"/>
          </ac:spMkLst>
        </pc:spChg>
        <pc:spChg chg="mod">
          <ac:chgData name="Valentina Facuse" userId="8ac073aa-7feb-47c3-9cf3-f4c37dd140ee" providerId="ADAL" clId="{952DC8EC-DDCB-44ED-9743-6C061AD7F330}" dt="2022-05-18T14:41:22.634" v="799" actId="1076"/>
          <ac:spMkLst>
            <pc:docMk/>
            <pc:sldMk cId="1180061539" sldId="658"/>
            <ac:spMk id="222" creationId="{35076FC7-92D7-D3EF-09D3-19F06AD9F709}"/>
          </ac:spMkLst>
        </pc:spChg>
        <pc:spChg chg="mod">
          <ac:chgData name="Valentina Facuse" userId="8ac073aa-7feb-47c3-9cf3-f4c37dd140ee" providerId="ADAL" clId="{952DC8EC-DDCB-44ED-9743-6C061AD7F330}" dt="2022-05-18T14:41:22.634" v="799" actId="1076"/>
          <ac:spMkLst>
            <pc:docMk/>
            <pc:sldMk cId="1180061539" sldId="658"/>
            <ac:spMk id="223" creationId="{75B7E866-66A4-6A25-AA06-9851311F856F}"/>
          </ac:spMkLst>
        </pc:spChg>
        <pc:spChg chg="mod">
          <ac:chgData name="Valentina Facuse" userId="8ac073aa-7feb-47c3-9cf3-f4c37dd140ee" providerId="ADAL" clId="{952DC8EC-DDCB-44ED-9743-6C061AD7F330}" dt="2022-05-18T14:41:22.634" v="799" actId="1076"/>
          <ac:spMkLst>
            <pc:docMk/>
            <pc:sldMk cId="1180061539" sldId="658"/>
            <ac:spMk id="224" creationId="{2B97A1E6-B9C7-0267-9F86-5AA5E533F32D}"/>
          </ac:spMkLst>
        </pc:spChg>
        <pc:spChg chg="mod">
          <ac:chgData name="Valentina Facuse" userId="8ac073aa-7feb-47c3-9cf3-f4c37dd140ee" providerId="ADAL" clId="{952DC8EC-DDCB-44ED-9743-6C061AD7F330}" dt="2022-05-18T14:41:22.634" v="799" actId="1076"/>
          <ac:spMkLst>
            <pc:docMk/>
            <pc:sldMk cId="1180061539" sldId="658"/>
            <ac:spMk id="225" creationId="{E15D6644-3F36-41EF-8E32-B0B68688B3EB}"/>
          </ac:spMkLst>
        </pc:spChg>
        <pc:spChg chg="mod">
          <ac:chgData name="Valentina Facuse" userId="8ac073aa-7feb-47c3-9cf3-f4c37dd140ee" providerId="ADAL" clId="{952DC8EC-DDCB-44ED-9743-6C061AD7F330}" dt="2022-05-18T14:41:22.634" v="799" actId="1076"/>
          <ac:spMkLst>
            <pc:docMk/>
            <pc:sldMk cId="1180061539" sldId="658"/>
            <ac:spMk id="226" creationId="{0E595F30-3CDE-0F99-38AC-6453E8EB7BDA}"/>
          </ac:spMkLst>
        </pc:spChg>
        <pc:spChg chg="mod">
          <ac:chgData name="Valentina Facuse" userId="8ac073aa-7feb-47c3-9cf3-f4c37dd140ee" providerId="ADAL" clId="{952DC8EC-DDCB-44ED-9743-6C061AD7F330}" dt="2022-05-18T14:41:22.634" v="799" actId="1076"/>
          <ac:spMkLst>
            <pc:docMk/>
            <pc:sldMk cId="1180061539" sldId="658"/>
            <ac:spMk id="227" creationId="{85E88EC7-1699-B864-995A-1C1BB304219B}"/>
          </ac:spMkLst>
        </pc:spChg>
        <pc:spChg chg="mod">
          <ac:chgData name="Valentina Facuse" userId="8ac073aa-7feb-47c3-9cf3-f4c37dd140ee" providerId="ADAL" clId="{952DC8EC-DDCB-44ED-9743-6C061AD7F330}" dt="2022-05-18T14:41:22.634" v="799" actId="1076"/>
          <ac:spMkLst>
            <pc:docMk/>
            <pc:sldMk cId="1180061539" sldId="658"/>
            <ac:spMk id="228" creationId="{809ED27D-A6A3-097C-7A0C-46482E4AC04A}"/>
          </ac:spMkLst>
        </pc:spChg>
        <pc:spChg chg="mod">
          <ac:chgData name="Valentina Facuse" userId="8ac073aa-7feb-47c3-9cf3-f4c37dd140ee" providerId="ADAL" clId="{952DC8EC-DDCB-44ED-9743-6C061AD7F330}" dt="2022-05-18T14:41:22.634" v="799" actId="1076"/>
          <ac:spMkLst>
            <pc:docMk/>
            <pc:sldMk cId="1180061539" sldId="658"/>
            <ac:spMk id="229" creationId="{1B297683-54C4-9CD2-7616-CFF81FDB4E3B}"/>
          </ac:spMkLst>
        </pc:spChg>
        <pc:spChg chg="mod">
          <ac:chgData name="Valentina Facuse" userId="8ac073aa-7feb-47c3-9cf3-f4c37dd140ee" providerId="ADAL" clId="{952DC8EC-DDCB-44ED-9743-6C061AD7F330}" dt="2022-05-18T14:41:22.634" v="799" actId="1076"/>
          <ac:spMkLst>
            <pc:docMk/>
            <pc:sldMk cId="1180061539" sldId="658"/>
            <ac:spMk id="230" creationId="{C7B89014-433A-369B-0FD5-13EDC8F3F40F}"/>
          </ac:spMkLst>
        </pc:spChg>
        <pc:spChg chg="mod">
          <ac:chgData name="Valentina Facuse" userId="8ac073aa-7feb-47c3-9cf3-f4c37dd140ee" providerId="ADAL" clId="{952DC8EC-DDCB-44ED-9743-6C061AD7F330}" dt="2022-05-18T14:41:22.634" v="799" actId="1076"/>
          <ac:spMkLst>
            <pc:docMk/>
            <pc:sldMk cId="1180061539" sldId="658"/>
            <ac:spMk id="231" creationId="{73D92C0D-6913-F767-E1E6-6CABF7E2CC04}"/>
          </ac:spMkLst>
        </pc:spChg>
        <pc:spChg chg="mod">
          <ac:chgData name="Valentina Facuse" userId="8ac073aa-7feb-47c3-9cf3-f4c37dd140ee" providerId="ADAL" clId="{952DC8EC-DDCB-44ED-9743-6C061AD7F330}" dt="2022-05-18T14:41:22.634" v="799" actId="1076"/>
          <ac:spMkLst>
            <pc:docMk/>
            <pc:sldMk cId="1180061539" sldId="658"/>
            <ac:spMk id="232" creationId="{0A92BC63-B9D2-FCE4-42B7-D933E41CF96D}"/>
          </ac:spMkLst>
        </pc:spChg>
        <pc:spChg chg="mod">
          <ac:chgData name="Valentina Facuse" userId="8ac073aa-7feb-47c3-9cf3-f4c37dd140ee" providerId="ADAL" clId="{952DC8EC-DDCB-44ED-9743-6C061AD7F330}" dt="2022-05-18T14:41:22.634" v="799" actId="1076"/>
          <ac:spMkLst>
            <pc:docMk/>
            <pc:sldMk cId="1180061539" sldId="658"/>
            <ac:spMk id="233" creationId="{99D46F47-473D-9E8E-F1DA-77BB83BB0C1C}"/>
          </ac:spMkLst>
        </pc:spChg>
        <pc:spChg chg="mod">
          <ac:chgData name="Valentina Facuse" userId="8ac073aa-7feb-47c3-9cf3-f4c37dd140ee" providerId="ADAL" clId="{952DC8EC-DDCB-44ED-9743-6C061AD7F330}" dt="2022-05-18T14:41:22.634" v="799" actId="1076"/>
          <ac:spMkLst>
            <pc:docMk/>
            <pc:sldMk cId="1180061539" sldId="658"/>
            <ac:spMk id="234" creationId="{807F77E4-2227-A191-A4EC-C1826BFC6C7E}"/>
          </ac:spMkLst>
        </pc:spChg>
        <pc:spChg chg="mod">
          <ac:chgData name="Valentina Facuse" userId="8ac073aa-7feb-47c3-9cf3-f4c37dd140ee" providerId="ADAL" clId="{952DC8EC-DDCB-44ED-9743-6C061AD7F330}" dt="2022-05-18T14:41:22.634" v="799" actId="1076"/>
          <ac:spMkLst>
            <pc:docMk/>
            <pc:sldMk cId="1180061539" sldId="658"/>
            <ac:spMk id="235" creationId="{C8C7B9A9-BE97-566E-6401-69B7D2EA045B}"/>
          </ac:spMkLst>
        </pc:spChg>
        <pc:spChg chg="mod">
          <ac:chgData name="Valentina Facuse" userId="8ac073aa-7feb-47c3-9cf3-f4c37dd140ee" providerId="ADAL" clId="{952DC8EC-DDCB-44ED-9743-6C061AD7F330}" dt="2022-05-18T14:41:22.634" v="799" actId="1076"/>
          <ac:spMkLst>
            <pc:docMk/>
            <pc:sldMk cId="1180061539" sldId="658"/>
            <ac:spMk id="236" creationId="{316F0405-353A-35F7-18C2-294BD83CAA5A}"/>
          </ac:spMkLst>
        </pc:spChg>
        <pc:spChg chg="mod">
          <ac:chgData name="Valentina Facuse" userId="8ac073aa-7feb-47c3-9cf3-f4c37dd140ee" providerId="ADAL" clId="{952DC8EC-DDCB-44ED-9743-6C061AD7F330}" dt="2022-05-18T14:41:22.634" v="799" actId="1076"/>
          <ac:spMkLst>
            <pc:docMk/>
            <pc:sldMk cId="1180061539" sldId="658"/>
            <ac:spMk id="237" creationId="{A6A432E6-FFA4-5EAF-626B-CA4F3C1FA06F}"/>
          </ac:spMkLst>
        </pc:spChg>
        <pc:spChg chg="mod">
          <ac:chgData name="Valentina Facuse" userId="8ac073aa-7feb-47c3-9cf3-f4c37dd140ee" providerId="ADAL" clId="{952DC8EC-DDCB-44ED-9743-6C061AD7F330}" dt="2022-05-18T14:41:22.634" v="799" actId="1076"/>
          <ac:spMkLst>
            <pc:docMk/>
            <pc:sldMk cId="1180061539" sldId="658"/>
            <ac:spMk id="238" creationId="{676DF7C4-23F8-75F6-68C4-B9B2CD31280D}"/>
          </ac:spMkLst>
        </pc:spChg>
        <pc:spChg chg="mod">
          <ac:chgData name="Valentina Facuse" userId="8ac073aa-7feb-47c3-9cf3-f4c37dd140ee" providerId="ADAL" clId="{952DC8EC-DDCB-44ED-9743-6C061AD7F330}" dt="2022-05-18T14:41:22.634" v="799" actId="1076"/>
          <ac:spMkLst>
            <pc:docMk/>
            <pc:sldMk cId="1180061539" sldId="658"/>
            <ac:spMk id="239" creationId="{8A20D644-96EE-A052-D4F4-49D49CE41AB1}"/>
          </ac:spMkLst>
        </pc:spChg>
        <pc:spChg chg="mod">
          <ac:chgData name="Valentina Facuse" userId="8ac073aa-7feb-47c3-9cf3-f4c37dd140ee" providerId="ADAL" clId="{952DC8EC-DDCB-44ED-9743-6C061AD7F330}" dt="2022-05-18T14:41:22.634" v="799" actId="1076"/>
          <ac:spMkLst>
            <pc:docMk/>
            <pc:sldMk cId="1180061539" sldId="658"/>
            <ac:spMk id="240" creationId="{34C42E10-4AE3-37D9-D0E8-4C5ABEC5B2BB}"/>
          </ac:spMkLst>
        </pc:spChg>
        <pc:spChg chg="mod">
          <ac:chgData name="Valentina Facuse" userId="8ac073aa-7feb-47c3-9cf3-f4c37dd140ee" providerId="ADAL" clId="{952DC8EC-DDCB-44ED-9743-6C061AD7F330}" dt="2022-05-18T14:41:22.634" v="799" actId="1076"/>
          <ac:spMkLst>
            <pc:docMk/>
            <pc:sldMk cId="1180061539" sldId="658"/>
            <ac:spMk id="241" creationId="{6387EAB1-423F-C7B8-215F-4B825F25E731}"/>
          </ac:spMkLst>
        </pc:spChg>
        <pc:spChg chg="mod">
          <ac:chgData name="Valentina Facuse" userId="8ac073aa-7feb-47c3-9cf3-f4c37dd140ee" providerId="ADAL" clId="{952DC8EC-DDCB-44ED-9743-6C061AD7F330}" dt="2022-05-18T14:41:22.634" v="799" actId="1076"/>
          <ac:spMkLst>
            <pc:docMk/>
            <pc:sldMk cId="1180061539" sldId="658"/>
            <ac:spMk id="242" creationId="{524F05BB-6BB4-5D4A-65D5-9F0877CCD6E3}"/>
          </ac:spMkLst>
        </pc:spChg>
        <pc:spChg chg="mod">
          <ac:chgData name="Valentina Facuse" userId="8ac073aa-7feb-47c3-9cf3-f4c37dd140ee" providerId="ADAL" clId="{952DC8EC-DDCB-44ED-9743-6C061AD7F330}" dt="2022-05-18T14:41:22.634" v="799" actId="1076"/>
          <ac:spMkLst>
            <pc:docMk/>
            <pc:sldMk cId="1180061539" sldId="658"/>
            <ac:spMk id="243" creationId="{0056A008-2C1D-45F7-9FF0-64F9C6C331C0}"/>
          </ac:spMkLst>
        </pc:spChg>
        <pc:spChg chg="mod">
          <ac:chgData name="Valentina Facuse" userId="8ac073aa-7feb-47c3-9cf3-f4c37dd140ee" providerId="ADAL" clId="{952DC8EC-DDCB-44ED-9743-6C061AD7F330}" dt="2022-05-18T14:41:22.634" v="799" actId="1076"/>
          <ac:spMkLst>
            <pc:docMk/>
            <pc:sldMk cId="1180061539" sldId="658"/>
            <ac:spMk id="244" creationId="{AAB9BD05-DC61-20BD-8251-E052680F1F1B}"/>
          </ac:spMkLst>
        </pc:spChg>
        <pc:spChg chg="mod">
          <ac:chgData name="Valentina Facuse" userId="8ac073aa-7feb-47c3-9cf3-f4c37dd140ee" providerId="ADAL" clId="{952DC8EC-DDCB-44ED-9743-6C061AD7F330}" dt="2022-05-18T14:41:22.634" v="799" actId="1076"/>
          <ac:spMkLst>
            <pc:docMk/>
            <pc:sldMk cId="1180061539" sldId="658"/>
            <ac:spMk id="245" creationId="{4E0E425D-9D48-8903-626E-CA63C2F337FD}"/>
          </ac:spMkLst>
        </pc:spChg>
        <pc:spChg chg="mod">
          <ac:chgData name="Valentina Facuse" userId="8ac073aa-7feb-47c3-9cf3-f4c37dd140ee" providerId="ADAL" clId="{952DC8EC-DDCB-44ED-9743-6C061AD7F330}" dt="2022-05-18T14:41:22.634" v="799" actId="1076"/>
          <ac:spMkLst>
            <pc:docMk/>
            <pc:sldMk cId="1180061539" sldId="658"/>
            <ac:spMk id="246" creationId="{226243A3-E8B3-4E0E-ABF8-9B4CC2F68872}"/>
          </ac:spMkLst>
        </pc:spChg>
        <pc:spChg chg="mod">
          <ac:chgData name="Valentina Facuse" userId="8ac073aa-7feb-47c3-9cf3-f4c37dd140ee" providerId="ADAL" clId="{952DC8EC-DDCB-44ED-9743-6C061AD7F330}" dt="2022-05-18T14:41:22.634" v="799" actId="1076"/>
          <ac:spMkLst>
            <pc:docMk/>
            <pc:sldMk cId="1180061539" sldId="658"/>
            <ac:spMk id="247" creationId="{A73797D9-3AD5-7344-F83C-2615B11CB267}"/>
          </ac:spMkLst>
        </pc:spChg>
        <pc:spChg chg="mod">
          <ac:chgData name="Valentina Facuse" userId="8ac073aa-7feb-47c3-9cf3-f4c37dd140ee" providerId="ADAL" clId="{952DC8EC-DDCB-44ED-9743-6C061AD7F330}" dt="2022-05-18T14:41:22.634" v="799" actId="1076"/>
          <ac:spMkLst>
            <pc:docMk/>
            <pc:sldMk cId="1180061539" sldId="658"/>
            <ac:spMk id="248" creationId="{5C431C71-BCC8-1AC3-EBC1-BB22B17FD5E0}"/>
          </ac:spMkLst>
        </pc:spChg>
        <pc:spChg chg="mod">
          <ac:chgData name="Valentina Facuse" userId="8ac073aa-7feb-47c3-9cf3-f4c37dd140ee" providerId="ADAL" clId="{952DC8EC-DDCB-44ED-9743-6C061AD7F330}" dt="2022-05-18T14:41:22.634" v="799" actId="1076"/>
          <ac:spMkLst>
            <pc:docMk/>
            <pc:sldMk cId="1180061539" sldId="658"/>
            <ac:spMk id="249" creationId="{9F9A7C20-5FEA-B424-9F49-52B69E05FDA3}"/>
          </ac:spMkLst>
        </pc:spChg>
        <pc:spChg chg="add mod">
          <ac:chgData name="Valentina Facuse" userId="8ac073aa-7feb-47c3-9cf3-f4c37dd140ee" providerId="ADAL" clId="{952DC8EC-DDCB-44ED-9743-6C061AD7F330}" dt="2022-05-18T14:41:22.634" v="799" actId="1076"/>
          <ac:spMkLst>
            <pc:docMk/>
            <pc:sldMk cId="1180061539" sldId="658"/>
            <ac:spMk id="250" creationId="{737438DE-DDE3-4362-D869-E3A855DBDCC1}"/>
          </ac:spMkLst>
        </pc:spChg>
        <pc:spChg chg="add mod">
          <ac:chgData name="Valentina Facuse" userId="8ac073aa-7feb-47c3-9cf3-f4c37dd140ee" providerId="ADAL" clId="{952DC8EC-DDCB-44ED-9743-6C061AD7F330}" dt="2022-05-18T14:41:22.634" v="799" actId="1076"/>
          <ac:spMkLst>
            <pc:docMk/>
            <pc:sldMk cId="1180061539" sldId="658"/>
            <ac:spMk id="251" creationId="{9EBD2132-15B1-32C4-8CD7-7A9044DCF21B}"/>
          </ac:spMkLst>
        </pc:spChg>
        <pc:spChg chg="add mod">
          <ac:chgData name="Valentina Facuse" userId="8ac073aa-7feb-47c3-9cf3-f4c37dd140ee" providerId="ADAL" clId="{952DC8EC-DDCB-44ED-9743-6C061AD7F330}" dt="2022-05-18T14:41:22.634" v="799" actId="1076"/>
          <ac:spMkLst>
            <pc:docMk/>
            <pc:sldMk cId="1180061539" sldId="658"/>
            <ac:spMk id="252" creationId="{DFF178BA-1FE6-1B64-851A-3B45736435F9}"/>
          </ac:spMkLst>
        </pc:spChg>
        <pc:grpChg chg="del">
          <ac:chgData name="Valentina Facuse" userId="8ac073aa-7feb-47c3-9cf3-f4c37dd140ee" providerId="ADAL" clId="{952DC8EC-DDCB-44ED-9743-6C061AD7F330}" dt="2022-05-18T14:41:08.794" v="797" actId="478"/>
          <ac:grpSpMkLst>
            <pc:docMk/>
            <pc:sldMk cId="1180061539" sldId="658"/>
            <ac:grpSpMk id="84" creationId="{04548DA9-6CDD-4B21-FEC5-C87AAA8E46D9}"/>
          </ac:grpSpMkLst>
        </pc:grpChg>
        <pc:grpChg chg="add mod">
          <ac:chgData name="Valentina Facuse" userId="8ac073aa-7feb-47c3-9cf3-f4c37dd140ee" providerId="ADAL" clId="{952DC8EC-DDCB-44ED-9743-6C061AD7F330}" dt="2022-05-18T14:41:22.634" v="799" actId="1076"/>
          <ac:grpSpMkLst>
            <pc:docMk/>
            <pc:sldMk cId="1180061539" sldId="658"/>
            <ac:grpSpMk id="169" creationId="{5922D21F-C528-C7AA-6739-77F69DAFFE34}"/>
          </ac:grpSpMkLst>
        </pc:grpChg>
        <pc:cxnChg chg="mod">
          <ac:chgData name="Valentina Facuse" userId="8ac073aa-7feb-47c3-9cf3-f4c37dd140ee" providerId="ADAL" clId="{952DC8EC-DDCB-44ED-9743-6C061AD7F330}" dt="2022-05-18T14:41:22.634" v="799" actId="1076"/>
          <ac:cxnSpMkLst>
            <pc:docMk/>
            <pc:sldMk cId="1180061539" sldId="658"/>
            <ac:cxnSpMk id="170" creationId="{F0374BFC-92DF-7DDD-74C3-FC679AF34180}"/>
          </ac:cxnSpMkLst>
        </pc:cxnChg>
        <pc:cxnChg chg="mod">
          <ac:chgData name="Valentina Facuse" userId="8ac073aa-7feb-47c3-9cf3-f4c37dd140ee" providerId="ADAL" clId="{952DC8EC-DDCB-44ED-9743-6C061AD7F330}" dt="2022-05-18T14:41:22.634" v="799" actId="1076"/>
          <ac:cxnSpMkLst>
            <pc:docMk/>
            <pc:sldMk cId="1180061539" sldId="658"/>
            <ac:cxnSpMk id="171" creationId="{F4B74246-EC1A-665D-2C65-D0700391959D}"/>
          </ac:cxnSpMkLst>
        </pc:cxnChg>
        <pc:cxnChg chg="mod">
          <ac:chgData name="Valentina Facuse" userId="8ac073aa-7feb-47c3-9cf3-f4c37dd140ee" providerId="ADAL" clId="{952DC8EC-DDCB-44ED-9743-6C061AD7F330}" dt="2022-05-18T14:41:22.634" v="799" actId="1076"/>
          <ac:cxnSpMkLst>
            <pc:docMk/>
            <pc:sldMk cId="1180061539" sldId="658"/>
            <ac:cxnSpMk id="172" creationId="{F8A2B560-7146-F9D9-EDF7-8344C97CD326}"/>
          </ac:cxnSpMkLst>
        </pc:cxnChg>
        <pc:cxnChg chg="mod">
          <ac:chgData name="Valentina Facuse" userId="8ac073aa-7feb-47c3-9cf3-f4c37dd140ee" providerId="ADAL" clId="{952DC8EC-DDCB-44ED-9743-6C061AD7F330}" dt="2022-05-18T14:41:22.634" v="799" actId="1076"/>
          <ac:cxnSpMkLst>
            <pc:docMk/>
            <pc:sldMk cId="1180061539" sldId="658"/>
            <ac:cxnSpMk id="173" creationId="{9CFF7EC9-026B-2F1D-DB51-FC1B94A5FBA2}"/>
          </ac:cxnSpMkLst>
        </pc:cxnChg>
        <pc:cxnChg chg="mod">
          <ac:chgData name="Valentina Facuse" userId="8ac073aa-7feb-47c3-9cf3-f4c37dd140ee" providerId="ADAL" clId="{952DC8EC-DDCB-44ED-9743-6C061AD7F330}" dt="2022-05-18T14:41:22.634" v="799" actId="1076"/>
          <ac:cxnSpMkLst>
            <pc:docMk/>
            <pc:sldMk cId="1180061539" sldId="658"/>
            <ac:cxnSpMk id="174" creationId="{0FFB88E0-0D6B-2CBB-3326-F5145407F3B6}"/>
          </ac:cxnSpMkLst>
        </pc:cxnChg>
        <pc:cxnChg chg="mod">
          <ac:chgData name="Valentina Facuse" userId="8ac073aa-7feb-47c3-9cf3-f4c37dd140ee" providerId="ADAL" clId="{952DC8EC-DDCB-44ED-9743-6C061AD7F330}" dt="2022-05-18T14:41:22.634" v="799" actId="1076"/>
          <ac:cxnSpMkLst>
            <pc:docMk/>
            <pc:sldMk cId="1180061539" sldId="658"/>
            <ac:cxnSpMk id="175" creationId="{D9E6EB9B-9A91-F6B5-629C-1B0658EA3E86}"/>
          </ac:cxnSpMkLst>
        </pc:cxnChg>
        <pc:cxnChg chg="mod">
          <ac:chgData name="Valentina Facuse" userId="8ac073aa-7feb-47c3-9cf3-f4c37dd140ee" providerId="ADAL" clId="{952DC8EC-DDCB-44ED-9743-6C061AD7F330}" dt="2022-05-18T14:41:22.634" v="799" actId="1076"/>
          <ac:cxnSpMkLst>
            <pc:docMk/>
            <pc:sldMk cId="1180061539" sldId="658"/>
            <ac:cxnSpMk id="176" creationId="{EA2C841D-3821-32A5-CDAF-4CC9CA65113D}"/>
          </ac:cxnSpMkLst>
        </pc:cxnChg>
        <pc:cxnChg chg="mod">
          <ac:chgData name="Valentina Facuse" userId="8ac073aa-7feb-47c3-9cf3-f4c37dd140ee" providerId="ADAL" clId="{952DC8EC-DDCB-44ED-9743-6C061AD7F330}" dt="2022-05-18T14:41:22.634" v="799" actId="1076"/>
          <ac:cxnSpMkLst>
            <pc:docMk/>
            <pc:sldMk cId="1180061539" sldId="658"/>
            <ac:cxnSpMk id="177" creationId="{998E117D-3AD9-1047-7B7F-CBFA8657871C}"/>
          </ac:cxnSpMkLst>
        </pc:cxnChg>
        <pc:cxnChg chg="mod">
          <ac:chgData name="Valentina Facuse" userId="8ac073aa-7feb-47c3-9cf3-f4c37dd140ee" providerId="ADAL" clId="{952DC8EC-DDCB-44ED-9743-6C061AD7F330}" dt="2022-05-18T14:41:22.634" v="799" actId="1076"/>
          <ac:cxnSpMkLst>
            <pc:docMk/>
            <pc:sldMk cId="1180061539" sldId="658"/>
            <ac:cxnSpMk id="178" creationId="{C5849CB8-4F10-7D70-19F9-2C12D729E99B}"/>
          </ac:cxnSpMkLst>
        </pc:cxnChg>
        <pc:cxnChg chg="mod">
          <ac:chgData name="Valentina Facuse" userId="8ac073aa-7feb-47c3-9cf3-f4c37dd140ee" providerId="ADAL" clId="{952DC8EC-DDCB-44ED-9743-6C061AD7F330}" dt="2022-05-18T14:41:22.634" v="799" actId="1076"/>
          <ac:cxnSpMkLst>
            <pc:docMk/>
            <pc:sldMk cId="1180061539" sldId="658"/>
            <ac:cxnSpMk id="182" creationId="{1CE7BE95-7276-066C-933C-24B6ECC27D34}"/>
          </ac:cxnSpMkLst>
        </pc:cxnChg>
        <pc:cxnChg chg="mod">
          <ac:chgData name="Valentina Facuse" userId="8ac073aa-7feb-47c3-9cf3-f4c37dd140ee" providerId="ADAL" clId="{952DC8EC-DDCB-44ED-9743-6C061AD7F330}" dt="2022-05-18T14:41:22.634" v="799" actId="1076"/>
          <ac:cxnSpMkLst>
            <pc:docMk/>
            <pc:sldMk cId="1180061539" sldId="658"/>
            <ac:cxnSpMk id="184" creationId="{D55B3FA2-9EF2-1256-F356-42CBB5B40EE9}"/>
          </ac:cxnSpMkLst>
        </pc:cxnChg>
        <pc:cxnChg chg="mod">
          <ac:chgData name="Valentina Facuse" userId="8ac073aa-7feb-47c3-9cf3-f4c37dd140ee" providerId="ADAL" clId="{952DC8EC-DDCB-44ED-9743-6C061AD7F330}" dt="2022-05-18T14:41:22.634" v="799" actId="1076"/>
          <ac:cxnSpMkLst>
            <pc:docMk/>
            <pc:sldMk cId="1180061539" sldId="658"/>
            <ac:cxnSpMk id="186" creationId="{D661ACFB-554D-53BB-E843-D952C6DF8685}"/>
          </ac:cxnSpMkLst>
        </pc:cxnChg>
        <pc:cxnChg chg="mod">
          <ac:chgData name="Valentina Facuse" userId="8ac073aa-7feb-47c3-9cf3-f4c37dd140ee" providerId="ADAL" clId="{952DC8EC-DDCB-44ED-9743-6C061AD7F330}" dt="2022-05-18T14:41:22.634" v="799" actId="1076"/>
          <ac:cxnSpMkLst>
            <pc:docMk/>
            <pc:sldMk cId="1180061539" sldId="658"/>
            <ac:cxnSpMk id="188" creationId="{B23A0867-0B1B-0EB8-B4D2-FE578AA0AFA7}"/>
          </ac:cxnSpMkLst>
        </pc:cxnChg>
        <pc:cxnChg chg="mod">
          <ac:chgData name="Valentina Facuse" userId="8ac073aa-7feb-47c3-9cf3-f4c37dd140ee" providerId="ADAL" clId="{952DC8EC-DDCB-44ED-9743-6C061AD7F330}" dt="2022-05-18T14:41:22.634" v="799" actId="1076"/>
          <ac:cxnSpMkLst>
            <pc:docMk/>
            <pc:sldMk cId="1180061539" sldId="658"/>
            <ac:cxnSpMk id="190" creationId="{CD53FA90-E988-DFA9-7118-66049A9B9520}"/>
          </ac:cxnSpMkLst>
        </pc:cxnChg>
        <pc:cxnChg chg="mod">
          <ac:chgData name="Valentina Facuse" userId="8ac073aa-7feb-47c3-9cf3-f4c37dd140ee" providerId="ADAL" clId="{952DC8EC-DDCB-44ED-9743-6C061AD7F330}" dt="2022-05-18T14:41:22.634" v="799" actId="1076"/>
          <ac:cxnSpMkLst>
            <pc:docMk/>
            <pc:sldMk cId="1180061539" sldId="658"/>
            <ac:cxnSpMk id="192" creationId="{E10A9E79-D1CC-495A-1CCC-A147471FA22C}"/>
          </ac:cxnSpMkLst>
        </pc:cxnChg>
        <pc:cxnChg chg="mod">
          <ac:chgData name="Valentina Facuse" userId="8ac073aa-7feb-47c3-9cf3-f4c37dd140ee" providerId="ADAL" clId="{952DC8EC-DDCB-44ED-9743-6C061AD7F330}" dt="2022-05-18T14:41:22.634" v="799" actId="1076"/>
          <ac:cxnSpMkLst>
            <pc:docMk/>
            <pc:sldMk cId="1180061539" sldId="658"/>
            <ac:cxnSpMk id="194" creationId="{E5652007-899C-3A92-DA02-79A54A7760D0}"/>
          </ac:cxnSpMkLst>
        </pc:cxnChg>
        <pc:cxnChg chg="mod">
          <ac:chgData name="Valentina Facuse" userId="8ac073aa-7feb-47c3-9cf3-f4c37dd140ee" providerId="ADAL" clId="{952DC8EC-DDCB-44ED-9743-6C061AD7F330}" dt="2022-05-18T14:41:22.634" v="799" actId="1076"/>
          <ac:cxnSpMkLst>
            <pc:docMk/>
            <pc:sldMk cId="1180061539" sldId="658"/>
            <ac:cxnSpMk id="196" creationId="{650640B9-13EB-8794-2093-D35C7E27788A}"/>
          </ac:cxnSpMkLst>
        </pc:cxnChg>
        <pc:cxnChg chg="mod">
          <ac:chgData name="Valentina Facuse" userId="8ac073aa-7feb-47c3-9cf3-f4c37dd140ee" providerId="ADAL" clId="{952DC8EC-DDCB-44ED-9743-6C061AD7F330}" dt="2022-05-18T14:41:22.634" v="799" actId="1076"/>
          <ac:cxnSpMkLst>
            <pc:docMk/>
            <pc:sldMk cId="1180061539" sldId="658"/>
            <ac:cxnSpMk id="198" creationId="{CB7FE8EF-05C7-B463-94E6-5B0FA85CFBAA}"/>
          </ac:cxnSpMkLst>
        </pc:cxnChg>
        <pc:cxnChg chg="mod">
          <ac:chgData name="Valentina Facuse" userId="8ac073aa-7feb-47c3-9cf3-f4c37dd140ee" providerId="ADAL" clId="{952DC8EC-DDCB-44ED-9743-6C061AD7F330}" dt="2022-05-18T14:41:22.634" v="799" actId="1076"/>
          <ac:cxnSpMkLst>
            <pc:docMk/>
            <pc:sldMk cId="1180061539" sldId="658"/>
            <ac:cxnSpMk id="200" creationId="{F7AA657C-ADA4-AB8F-7B6F-375C9EA2A902}"/>
          </ac:cxnSpMkLst>
        </pc:cxnChg>
        <pc:cxnChg chg="mod">
          <ac:chgData name="Valentina Facuse" userId="8ac073aa-7feb-47c3-9cf3-f4c37dd140ee" providerId="ADAL" clId="{952DC8EC-DDCB-44ED-9743-6C061AD7F330}" dt="2022-05-18T14:41:22.634" v="799" actId="1076"/>
          <ac:cxnSpMkLst>
            <pc:docMk/>
            <pc:sldMk cId="1180061539" sldId="658"/>
            <ac:cxnSpMk id="202" creationId="{E61871D0-C703-0610-BEFE-58959930CD54}"/>
          </ac:cxnSpMkLst>
        </pc:cxnChg>
      </pc:sldChg>
    </pc:docChg>
  </pc:docChgLst>
  <pc:docChgLst>
    <pc:chgData name="Amanda Williams" userId="S::awilliams@palmbeachtpa.org::61f8c09a-035c-44fe-b6a3-de640d11dc15" providerId="AD" clId="Web-{AD91D2D5-12AC-839E-EC93-F9EB2D6D6488}"/>
    <pc:docChg chg="modSld">
      <pc:chgData name="Amanda Williams" userId="S::awilliams@palmbeachtpa.org::61f8c09a-035c-44fe-b6a3-de640d11dc15" providerId="AD" clId="Web-{AD91D2D5-12AC-839E-EC93-F9EB2D6D6488}" dt="2022-05-16T20:05:20.033" v="6"/>
      <pc:docMkLst>
        <pc:docMk/>
      </pc:docMkLst>
      <pc:sldChg chg="addSp delSp modSp">
        <pc:chgData name="Amanda Williams" userId="S::awilliams@palmbeachtpa.org::61f8c09a-035c-44fe-b6a3-de640d11dc15" providerId="AD" clId="Web-{AD91D2D5-12AC-839E-EC93-F9EB2D6D6488}" dt="2022-05-16T20:05:20.033" v="6"/>
        <pc:sldMkLst>
          <pc:docMk/>
          <pc:sldMk cId="1961725314" sldId="633"/>
        </pc:sldMkLst>
        <pc:spChg chg="add del mod">
          <ac:chgData name="Amanda Williams" userId="S::awilliams@palmbeachtpa.org::61f8c09a-035c-44fe-b6a3-de640d11dc15" providerId="AD" clId="Web-{AD91D2D5-12AC-839E-EC93-F9EB2D6D6488}" dt="2022-05-16T20:05:20.033" v="6"/>
          <ac:spMkLst>
            <pc:docMk/>
            <pc:sldMk cId="1961725314" sldId="633"/>
            <ac:spMk id="3" creationId="{C204EEE5-E51B-F31A-0262-715B7DCB8AF5}"/>
          </ac:spMkLst>
        </pc:spChg>
        <pc:spChg chg="add">
          <ac:chgData name="Amanda Williams" userId="S::awilliams@palmbeachtpa.org::61f8c09a-035c-44fe-b6a3-de640d11dc15" providerId="AD" clId="Web-{AD91D2D5-12AC-839E-EC93-F9EB2D6D6488}" dt="2022-05-16T20:05:11.127" v="4"/>
          <ac:spMkLst>
            <pc:docMk/>
            <pc:sldMk cId="1961725314" sldId="633"/>
            <ac:spMk id="19" creationId="{B4CBF577-FC10-3329-1304-08FC6558D196}"/>
          </ac:spMkLst>
        </pc:spChg>
        <pc:spChg chg="add">
          <ac:chgData name="Amanda Williams" userId="S::awilliams@palmbeachtpa.org::61f8c09a-035c-44fe-b6a3-de640d11dc15" providerId="AD" clId="Web-{AD91D2D5-12AC-839E-EC93-F9EB2D6D6488}" dt="2022-05-16T20:05:11.127" v="4"/>
          <ac:spMkLst>
            <pc:docMk/>
            <pc:sldMk cId="1961725314" sldId="633"/>
            <ac:spMk id="20" creationId="{71C7CC8F-F553-7519-C12C-A6C2414E7736}"/>
          </ac:spMkLst>
        </pc:spChg>
        <pc:spChg chg="add">
          <ac:chgData name="Amanda Williams" userId="S::awilliams@palmbeachtpa.org::61f8c09a-035c-44fe-b6a3-de640d11dc15" providerId="AD" clId="Web-{AD91D2D5-12AC-839E-EC93-F9EB2D6D6488}" dt="2022-05-16T20:05:11.127" v="4"/>
          <ac:spMkLst>
            <pc:docMk/>
            <pc:sldMk cId="1961725314" sldId="633"/>
            <ac:spMk id="21" creationId="{BCE3A839-385F-A450-FF24-62A418167779}"/>
          </ac:spMkLst>
        </pc:spChg>
        <pc:spChg chg="add">
          <ac:chgData name="Amanda Williams" userId="S::awilliams@palmbeachtpa.org::61f8c09a-035c-44fe-b6a3-de640d11dc15" providerId="AD" clId="Web-{AD91D2D5-12AC-839E-EC93-F9EB2D6D6488}" dt="2022-05-16T20:05:11.127" v="4"/>
          <ac:spMkLst>
            <pc:docMk/>
            <pc:sldMk cId="1961725314" sldId="633"/>
            <ac:spMk id="23" creationId="{9CA57A03-52E7-62C5-8E11-E6D83986C89E}"/>
          </ac:spMkLst>
        </pc:spChg>
        <pc:spChg chg="add">
          <ac:chgData name="Amanda Williams" userId="S::awilliams@palmbeachtpa.org::61f8c09a-035c-44fe-b6a3-de640d11dc15" providerId="AD" clId="Web-{AD91D2D5-12AC-839E-EC93-F9EB2D6D6488}" dt="2022-05-16T20:05:11.127" v="4"/>
          <ac:spMkLst>
            <pc:docMk/>
            <pc:sldMk cId="1961725314" sldId="633"/>
            <ac:spMk id="25" creationId="{9B4A3AD5-9E74-4AA8-3958-B98FAC6D0C47}"/>
          </ac:spMkLst>
        </pc:spChg>
        <pc:spChg chg="add">
          <ac:chgData name="Amanda Williams" userId="S::awilliams@palmbeachtpa.org::61f8c09a-035c-44fe-b6a3-de640d11dc15" providerId="AD" clId="Web-{AD91D2D5-12AC-839E-EC93-F9EB2D6D6488}" dt="2022-05-16T20:05:11.127" v="4"/>
          <ac:spMkLst>
            <pc:docMk/>
            <pc:sldMk cId="1961725314" sldId="633"/>
            <ac:spMk id="27" creationId="{A9F02844-C607-03EC-6BD1-A9E24434639B}"/>
          </ac:spMkLst>
        </pc:spChg>
        <pc:spChg chg="add">
          <ac:chgData name="Amanda Williams" userId="S::awilliams@palmbeachtpa.org::61f8c09a-035c-44fe-b6a3-de640d11dc15" providerId="AD" clId="Web-{AD91D2D5-12AC-839E-EC93-F9EB2D6D6488}" dt="2022-05-16T20:05:11.127" v="4"/>
          <ac:spMkLst>
            <pc:docMk/>
            <pc:sldMk cId="1961725314" sldId="633"/>
            <ac:spMk id="29" creationId="{E95AFC0F-078D-DFED-8CBF-33A57C5558C7}"/>
          </ac:spMkLst>
        </pc:spChg>
        <pc:spChg chg="add">
          <ac:chgData name="Amanda Williams" userId="S::awilliams@palmbeachtpa.org::61f8c09a-035c-44fe-b6a3-de640d11dc15" providerId="AD" clId="Web-{AD91D2D5-12AC-839E-EC93-F9EB2D6D6488}" dt="2022-05-16T20:05:11.127" v="4"/>
          <ac:spMkLst>
            <pc:docMk/>
            <pc:sldMk cId="1961725314" sldId="633"/>
            <ac:spMk id="31" creationId="{03AF5DF2-495A-A4D8-5575-04D466D08F39}"/>
          </ac:spMkLst>
        </pc:spChg>
        <pc:spChg chg="add">
          <ac:chgData name="Amanda Williams" userId="S::awilliams@palmbeachtpa.org::61f8c09a-035c-44fe-b6a3-de640d11dc15" providerId="AD" clId="Web-{AD91D2D5-12AC-839E-EC93-F9EB2D6D6488}" dt="2022-05-16T20:05:11.127" v="4"/>
          <ac:spMkLst>
            <pc:docMk/>
            <pc:sldMk cId="1961725314" sldId="633"/>
            <ac:spMk id="33" creationId="{0980C893-A4A3-E8FE-7850-1CA62219422D}"/>
          </ac:spMkLst>
        </pc:spChg>
        <pc:spChg chg="add">
          <ac:chgData name="Amanda Williams" userId="S::awilliams@palmbeachtpa.org::61f8c09a-035c-44fe-b6a3-de640d11dc15" providerId="AD" clId="Web-{AD91D2D5-12AC-839E-EC93-F9EB2D6D6488}" dt="2022-05-16T20:05:11.127" v="4"/>
          <ac:spMkLst>
            <pc:docMk/>
            <pc:sldMk cId="1961725314" sldId="633"/>
            <ac:spMk id="35" creationId="{47F4863C-ABD3-87E0-188D-5FCA7B9D66A2}"/>
          </ac:spMkLst>
        </pc:spChg>
        <pc:spChg chg="add">
          <ac:chgData name="Amanda Williams" userId="S::awilliams@palmbeachtpa.org::61f8c09a-035c-44fe-b6a3-de640d11dc15" providerId="AD" clId="Web-{AD91D2D5-12AC-839E-EC93-F9EB2D6D6488}" dt="2022-05-16T20:05:11.127" v="4"/>
          <ac:spMkLst>
            <pc:docMk/>
            <pc:sldMk cId="1961725314" sldId="633"/>
            <ac:spMk id="37" creationId="{48CB7310-F1A3-FAA7-A63B-62847B237A39}"/>
          </ac:spMkLst>
        </pc:spChg>
        <pc:spChg chg="add">
          <ac:chgData name="Amanda Williams" userId="S::awilliams@palmbeachtpa.org::61f8c09a-035c-44fe-b6a3-de640d11dc15" providerId="AD" clId="Web-{AD91D2D5-12AC-839E-EC93-F9EB2D6D6488}" dt="2022-05-16T20:05:11.127" v="4"/>
          <ac:spMkLst>
            <pc:docMk/>
            <pc:sldMk cId="1961725314" sldId="633"/>
            <ac:spMk id="39" creationId="{4340AF50-92B8-D453-3E6A-C2B253E6652F}"/>
          </ac:spMkLst>
        </pc:spChg>
        <pc:spChg chg="add">
          <ac:chgData name="Amanda Williams" userId="S::awilliams@palmbeachtpa.org::61f8c09a-035c-44fe-b6a3-de640d11dc15" providerId="AD" clId="Web-{AD91D2D5-12AC-839E-EC93-F9EB2D6D6488}" dt="2022-05-16T20:05:11.127" v="4"/>
          <ac:spMkLst>
            <pc:docMk/>
            <pc:sldMk cId="1961725314" sldId="633"/>
            <ac:spMk id="41" creationId="{42DD5778-4C02-FAC6-55AB-E1626D78E956}"/>
          </ac:spMkLst>
        </pc:spChg>
        <pc:spChg chg="add">
          <ac:chgData name="Amanda Williams" userId="S::awilliams@palmbeachtpa.org::61f8c09a-035c-44fe-b6a3-de640d11dc15" providerId="AD" clId="Web-{AD91D2D5-12AC-839E-EC93-F9EB2D6D6488}" dt="2022-05-16T20:05:11.127" v="4"/>
          <ac:spMkLst>
            <pc:docMk/>
            <pc:sldMk cId="1961725314" sldId="633"/>
            <ac:spMk id="43" creationId="{45CB0DA6-C35C-28C9-799C-824D76AAFD74}"/>
          </ac:spMkLst>
        </pc:spChg>
        <pc:spChg chg="add">
          <ac:chgData name="Amanda Williams" userId="S::awilliams@palmbeachtpa.org::61f8c09a-035c-44fe-b6a3-de640d11dc15" providerId="AD" clId="Web-{AD91D2D5-12AC-839E-EC93-F9EB2D6D6488}" dt="2022-05-16T20:05:11.127" v="4"/>
          <ac:spMkLst>
            <pc:docMk/>
            <pc:sldMk cId="1961725314" sldId="633"/>
            <ac:spMk id="44" creationId="{EAACA772-DA40-05EB-672B-AB0E4A3DDAA7}"/>
          </ac:spMkLst>
        </pc:spChg>
        <pc:spChg chg="add">
          <ac:chgData name="Amanda Williams" userId="S::awilliams@palmbeachtpa.org::61f8c09a-035c-44fe-b6a3-de640d11dc15" providerId="AD" clId="Web-{AD91D2D5-12AC-839E-EC93-F9EB2D6D6488}" dt="2022-05-16T20:05:11.127" v="4"/>
          <ac:spMkLst>
            <pc:docMk/>
            <pc:sldMk cId="1961725314" sldId="633"/>
            <ac:spMk id="45" creationId="{173535F2-5523-F112-15B0-0F9AF4D207B8}"/>
          </ac:spMkLst>
        </pc:spChg>
        <pc:spChg chg="add">
          <ac:chgData name="Amanda Williams" userId="S::awilliams@palmbeachtpa.org::61f8c09a-035c-44fe-b6a3-de640d11dc15" providerId="AD" clId="Web-{AD91D2D5-12AC-839E-EC93-F9EB2D6D6488}" dt="2022-05-16T20:05:11.127" v="4"/>
          <ac:spMkLst>
            <pc:docMk/>
            <pc:sldMk cId="1961725314" sldId="633"/>
            <ac:spMk id="46" creationId="{6FCF0E01-1D30-F3D7-F686-DBD191D53DA0}"/>
          </ac:spMkLst>
        </pc:spChg>
        <pc:spChg chg="add">
          <ac:chgData name="Amanda Williams" userId="S::awilliams@palmbeachtpa.org::61f8c09a-035c-44fe-b6a3-de640d11dc15" providerId="AD" clId="Web-{AD91D2D5-12AC-839E-EC93-F9EB2D6D6488}" dt="2022-05-16T20:05:11.127" v="4"/>
          <ac:spMkLst>
            <pc:docMk/>
            <pc:sldMk cId="1961725314" sldId="633"/>
            <ac:spMk id="47" creationId="{E489DB9D-BE99-D84C-FD67-66706DB8AACF}"/>
          </ac:spMkLst>
        </pc:spChg>
        <pc:spChg chg="add">
          <ac:chgData name="Amanda Williams" userId="S::awilliams@palmbeachtpa.org::61f8c09a-035c-44fe-b6a3-de640d11dc15" providerId="AD" clId="Web-{AD91D2D5-12AC-839E-EC93-F9EB2D6D6488}" dt="2022-05-16T20:05:11.127" v="4"/>
          <ac:spMkLst>
            <pc:docMk/>
            <pc:sldMk cId="1961725314" sldId="633"/>
            <ac:spMk id="48" creationId="{65E2E44E-77D0-6D49-BF4D-94D2838F80C3}"/>
          </ac:spMkLst>
        </pc:spChg>
        <pc:spChg chg="add">
          <ac:chgData name="Amanda Williams" userId="S::awilliams@palmbeachtpa.org::61f8c09a-035c-44fe-b6a3-de640d11dc15" providerId="AD" clId="Web-{AD91D2D5-12AC-839E-EC93-F9EB2D6D6488}" dt="2022-05-16T20:05:11.127" v="4"/>
          <ac:spMkLst>
            <pc:docMk/>
            <pc:sldMk cId="1961725314" sldId="633"/>
            <ac:spMk id="49" creationId="{91089FE7-2619-3047-B634-1F2973735E2D}"/>
          </ac:spMkLst>
        </pc:spChg>
        <pc:spChg chg="add">
          <ac:chgData name="Amanda Williams" userId="S::awilliams@palmbeachtpa.org::61f8c09a-035c-44fe-b6a3-de640d11dc15" providerId="AD" clId="Web-{AD91D2D5-12AC-839E-EC93-F9EB2D6D6488}" dt="2022-05-16T20:05:11.127" v="4"/>
          <ac:spMkLst>
            <pc:docMk/>
            <pc:sldMk cId="1961725314" sldId="633"/>
            <ac:spMk id="50" creationId="{F10CF12E-4C71-D3FB-5531-00C1C842DA80}"/>
          </ac:spMkLst>
        </pc:spChg>
        <pc:spChg chg="add">
          <ac:chgData name="Amanda Williams" userId="S::awilliams@palmbeachtpa.org::61f8c09a-035c-44fe-b6a3-de640d11dc15" providerId="AD" clId="Web-{AD91D2D5-12AC-839E-EC93-F9EB2D6D6488}" dt="2022-05-16T20:05:11.127" v="4"/>
          <ac:spMkLst>
            <pc:docMk/>
            <pc:sldMk cId="1961725314" sldId="633"/>
            <ac:spMk id="51" creationId="{74C69FF7-40F2-3AD9-E382-0A80C137A111}"/>
          </ac:spMkLst>
        </pc:spChg>
        <pc:spChg chg="add">
          <ac:chgData name="Amanda Williams" userId="S::awilliams@palmbeachtpa.org::61f8c09a-035c-44fe-b6a3-de640d11dc15" providerId="AD" clId="Web-{AD91D2D5-12AC-839E-EC93-F9EB2D6D6488}" dt="2022-05-16T20:05:11.127" v="4"/>
          <ac:spMkLst>
            <pc:docMk/>
            <pc:sldMk cId="1961725314" sldId="633"/>
            <ac:spMk id="52" creationId="{CF8B7075-C155-0594-DD83-F04AD39838D6}"/>
          </ac:spMkLst>
        </pc:spChg>
        <pc:spChg chg="add">
          <ac:chgData name="Amanda Williams" userId="S::awilliams@palmbeachtpa.org::61f8c09a-035c-44fe-b6a3-de640d11dc15" providerId="AD" clId="Web-{AD91D2D5-12AC-839E-EC93-F9EB2D6D6488}" dt="2022-05-16T20:05:11.127" v="4"/>
          <ac:spMkLst>
            <pc:docMk/>
            <pc:sldMk cId="1961725314" sldId="633"/>
            <ac:spMk id="53" creationId="{C00BABCC-330B-303A-5D61-1E23C79E9617}"/>
          </ac:spMkLst>
        </pc:spChg>
        <pc:spChg chg="add">
          <ac:chgData name="Amanda Williams" userId="S::awilliams@palmbeachtpa.org::61f8c09a-035c-44fe-b6a3-de640d11dc15" providerId="AD" clId="Web-{AD91D2D5-12AC-839E-EC93-F9EB2D6D6488}" dt="2022-05-16T20:05:11.127" v="4"/>
          <ac:spMkLst>
            <pc:docMk/>
            <pc:sldMk cId="1961725314" sldId="633"/>
            <ac:spMk id="54" creationId="{5C3147FA-4CD2-A289-3FAE-05E2C7C3D82B}"/>
          </ac:spMkLst>
        </pc:spChg>
        <pc:spChg chg="add">
          <ac:chgData name="Amanda Williams" userId="S::awilliams@palmbeachtpa.org::61f8c09a-035c-44fe-b6a3-de640d11dc15" providerId="AD" clId="Web-{AD91D2D5-12AC-839E-EC93-F9EB2D6D6488}" dt="2022-05-16T20:05:11.127" v="4"/>
          <ac:spMkLst>
            <pc:docMk/>
            <pc:sldMk cId="1961725314" sldId="633"/>
            <ac:spMk id="55" creationId="{D5EA59EF-C92B-EC39-C912-E5878C2A8626}"/>
          </ac:spMkLst>
        </pc:spChg>
        <pc:spChg chg="add">
          <ac:chgData name="Amanda Williams" userId="S::awilliams@palmbeachtpa.org::61f8c09a-035c-44fe-b6a3-de640d11dc15" providerId="AD" clId="Web-{AD91D2D5-12AC-839E-EC93-F9EB2D6D6488}" dt="2022-05-16T20:05:11.127" v="4"/>
          <ac:spMkLst>
            <pc:docMk/>
            <pc:sldMk cId="1961725314" sldId="633"/>
            <ac:spMk id="56" creationId="{1A2BE491-2DF3-8C2C-072A-2D9692E4217F}"/>
          </ac:spMkLst>
        </pc:spChg>
        <pc:spChg chg="add">
          <ac:chgData name="Amanda Williams" userId="S::awilliams@palmbeachtpa.org::61f8c09a-035c-44fe-b6a3-de640d11dc15" providerId="AD" clId="Web-{AD91D2D5-12AC-839E-EC93-F9EB2D6D6488}" dt="2022-05-16T20:05:11.127" v="4"/>
          <ac:spMkLst>
            <pc:docMk/>
            <pc:sldMk cId="1961725314" sldId="633"/>
            <ac:spMk id="57" creationId="{3FD48411-D58C-3A99-EAC3-54DD8281064D}"/>
          </ac:spMkLst>
        </pc:spChg>
        <pc:spChg chg="add">
          <ac:chgData name="Amanda Williams" userId="S::awilliams@palmbeachtpa.org::61f8c09a-035c-44fe-b6a3-de640d11dc15" providerId="AD" clId="Web-{AD91D2D5-12AC-839E-EC93-F9EB2D6D6488}" dt="2022-05-16T20:05:11.127" v="4"/>
          <ac:spMkLst>
            <pc:docMk/>
            <pc:sldMk cId="1961725314" sldId="633"/>
            <ac:spMk id="58" creationId="{1A2811FF-EB72-0DA4-5E0D-539E5692A7BF}"/>
          </ac:spMkLst>
        </pc:spChg>
        <pc:spChg chg="add">
          <ac:chgData name="Amanda Williams" userId="S::awilliams@palmbeachtpa.org::61f8c09a-035c-44fe-b6a3-de640d11dc15" providerId="AD" clId="Web-{AD91D2D5-12AC-839E-EC93-F9EB2D6D6488}" dt="2022-05-16T20:05:11.127" v="4"/>
          <ac:spMkLst>
            <pc:docMk/>
            <pc:sldMk cId="1961725314" sldId="633"/>
            <ac:spMk id="59" creationId="{059516C6-A9B3-83EA-D096-23B6A420F138}"/>
          </ac:spMkLst>
        </pc:spChg>
        <pc:spChg chg="add">
          <ac:chgData name="Amanda Williams" userId="S::awilliams@palmbeachtpa.org::61f8c09a-035c-44fe-b6a3-de640d11dc15" providerId="AD" clId="Web-{AD91D2D5-12AC-839E-EC93-F9EB2D6D6488}" dt="2022-05-16T20:05:11.127" v="4"/>
          <ac:spMkLst>
            <pc:docMk/>
            <pc:sldMk cId="1961725314" sldId="633"/>
            <ac:spMk id="60" creationId="{808105C6-A05F-3744-14FB-C3293EF02F04}"/>
          </ac:spMkLst>
        </pc:spChg>
        <pc:spChg chg="add">
          <ac:chgData name="Amanda Williams" userId="S::awilliams@palmbeachtpa.org::61f8c09a-035c-44fe-b6a3-de640d11dc15" providerId="AD" clId="Web-{AD91D2D5-12AC-839E-EC93-F9EB2D6D6488}" dt="2022-05-16T20:05:11.127" v="4"/>
          <ac:spMkLst>
            <pc:docMk/>
            <pc:sldMk cId="1961725314" sldId="633"/>
            <ac:spMk id="61" creationId="{3B67A567-574C-DE41-44C9-15DF00A51DA0}"/>
          </ac:spMkLst>
        </pc:spChg>
        <pc:spChg chg="add">
          <ac:chgData name="Amanda Williams" userId="S::awilliams@palmbeachtpa.org::61f8c09a-035c-44fe-b6a3-de640d11dc15" providerId="AD" clId="Web-{AD91D2D5-12AC-839E-EC93-F9EB2D6D6488}" dt="2022-05-16T20:05:11.127" v="4"/>
          <ac:spMkLst>
            <pc:docMk/>
            <pc:sldMk cId="1961725314" sldId="633"/>
            <ac:spMk id="62" creationId="{2C7DBDEB-4E16-A7C7-ABCC-03350337D832}"/>
          </ac:spMkLst>
        </pc:spChg>
        <pc:spChg chg="add">
          <ac:chgData name="Amanda Williams" userId="S::awilliams@palmbeachtpa.org::61f8c09a-035c-44fe-b6a3-de640d11dc15" providerId="AD" clId="Web-{AD91D2D5-12AC-839E-EC93-F9EB2D6D6488}" dt="2022-05-16T20:05:11.127" v="4"/>
          <ac:spMkLst>
            <pc:docMk/>
            <pc:sldMk cId="1961725314" sldId="633"/>
            <ac:spMk id="63" creationId="{96B7570C-4C56-46A9-834F-164057927A47}"/>
          </ac:spMkLst>
        </pc:spChg>
        <pc:spChg chg="add">
          <ac:chgData name="Amanda Williams" userId="S::awilliams@palmbeachtpa.org::61f8c09a-035c-44fe-b6a3-de640d11dc15" providerId="AD" clId="Web-{AD91D2D5-12AC-839E-EC93-F9EB2D6D6488}" dt="2022-05-16T20:05:11.127" v="4"/>
          <ac:spMkLst>
            <pc:docMk/>
            <pc:sldMk cId="1961725314" sldId="633"/>
            <ac:spMk id="64" creationId="{77729A78-BDB4-BAF7-A24E-250D23A9E559}"/>
          </ac:spMkLst>
        </pc:spChg>
        <pc:spChg chg="add">
          <ac:chgData name="Amanda Williams" userId="S::awilliams@palmbeachtpa.org::61f8c09a-035c-44fe-b6a3-de640d11dc15" providerId="AD" clId="Web-{AD91D2D5-12AC-839E-EC93-F9EB2D6D6488}" dt="2022-05-16T20:05:11.127" v="4"/>
          <ac:spMkLst>
            <pc:docMk/>
            <pc:sldMk cId="1961725314" sldId="633"/>
            <ac:spMk id="65" creationId="{21F51A04-2B37-EC97-3BC7-7C75FC40426E}"/>
          </ac:spMkLst>
        </pc:spChg>
        <pc:spChg chg="add">
          <ac:chgData name="Amanda Williams" userId="S::awilliams@palmbeachtpa.org::61f8c09a-035c-44fe-b6a3-de640d11dc15" providerId="AD" clId="Web-{AD91D2D5-12AC-839E-EC93-F9EB2D6D6488}" dt="2022-05-16T20:05:11.127" v="4"/>
          <ac:spMkLst>
            <pc:docMk/>
            <pc:sldMk cId="1961725314" sldId="633"/>
            <ac:spMk id="66" creationId="{826E3A99-367D-A3F0-03F9-F1A4D94AD1AC}"/>
          </ac:spMkLst>
        </pc:spChg>
        <pc:spChg chg="add">
          <ac:chgData name="Amanda Williams" userId="S::awilliams@palmbeachtpa.org::61f8c09a-035c-44fe-b6a3-de640d11dc15" providerId="AD" clId="Web-{AD91D2D5-12AC-839E-EC93-F9EB2D6D6488}" dt="2022-05-16T20:05:11.127" v="4"/>
          <ac:spMkLst>
            <pc:docMk/>
            <pc:sldMk cId="1961725314" sldId="633"/>
            <ac:spMk id="67" creationId="{9852E038-6224-BF26-E627-108E18BDDEBF}"/>
          </ac:spMkLst>
        </pc:spChg>
        <pc:spChg chg="add">
          <ac:chgData name="Amanda Williams" userId="S::awilliams@palmbeachtpa.org::61f8c09a-035c-44fe-b6a3-de640d11dc15" providerId="AD" clId="Web-{AD91D2D5-12AC-839E-EC93-F9EB2D6D6488}" dt="2022-05-16T20:05:11.127" v="4"/>
          <ac:spMkLst>
            <pc:docMk/>
            <pc:sldMk cId="1961725314" sldId="633"/>
            <ac:spMk id="68" creationId="{725C896E-6105-F86A-1C9F-ADC7522B7269}"/>
          </ac:spMkLst>
        </pc:spChg>
        <pc:spChg chg="add">
          <ac:chgData name="Amanda Williams" userId="S::awilliams@palmbeachtpa.org::61f8c09a-035c-44fe-b6a3-de640d11dc15" providerId="AD" clId="Web-{AD91D2D5-12AC-839E-EC93-F9EB2D6D6488}" dt="2022-05-16T20:05:11.127" v="4"/>
          <ac:spMkLst>
            <pc:docMk/>
            <pc:sldMk cId="1961725314" sldId="633"/>
            <ac:spMk id="69" creationId="{608445AF-BE76-E698-85AC-5C4F9289EC65}"/>
          </ac:spMkLst>
        </pc:spChg>
        <pc:spChg chg="add">
          <ac:chgData name="Amanda Williams" userId="S::awilliams@palmbeachtpa.org::61f8c09a-035c-44fe-b6a3-de640d11dc15" providerId="AD" clId="Web-{AD91D2D5-12AC-839E-EC93-F9EB2D6D6488}" dt="2022-05-16T20:05:11.127" v="4"/>
          <ac:spMkLst>
            <pc:docMk/>
            <pc:sldMk cId="1961725314" sldId="633"/>
            <ac:spMk id="70" creationId="{9C3D88B7-F5CC-513D-5F90-9C5819CE32C7}"/>
          </ac:spMkLst>
        </pc:spChg>
        <pc:spChg chg="add">
          <ac:chgData name="Amanda Williams" userId="S::awilliams@palmbeachtpa.org::61f8c09a-035c-44fe-b6a3-de640d11dc15" providerId="AD" clId="Web-{AD91D2D5-12AC-839E-EC93-F9EB2D6D6488}" dt="2022-05-16T20:05:11.127" v="4"/>
          <ac:spMkLst>
            <pc:docMk/>
            <pc:sldMk cId="1961725314" sldId="633"/>
            <ac:spMk id="71" creationId="{77C9FE11-5BF5-ABF5-41F5-2F35C5BD62F1}"/>
          </ac:spMkLst>
        </pc:spChg>
        <pc:spChg chg="add">
          <ac:chgData name="Amanda Williams" userId="S::awilliams@palmbeachtpa.org::61f8c09a-035c-44fe-b6a3-de640d11dc15" providerId="AD" clId="Web-{AD91D2D5-12AC-839E-EC93-F9EB2D6D6488}" dt="2022-05-16T20:05:11.127" v="4"/>
          <ac:spMkLst>
            <pc:docMk/>
            <pc:sldMk cId="1961725314" sldId="633"/>
            <ac:spMk id="72" creationId="{149D8F2F-3C79-D2B8-C182-741778F5912E}"/>
          </ac:spMkLst>
        </pc:spChg>
        <pc:spChg chg="add">
          <ac:chgData name="Amanda Williams" userId="S::awilliams@palmbeachtpa.org::61f8c09a-035c-44fe-b6a3-de640d11dc15" providerId="AD" clId="Web-{AD91D2D5-12AC-839E-EC93-F9EB2D6D6488}" dt="2022-05-16T20:05:11.127" v="4"/>
          <ac:spMkLst>
            <pc:docMk/>
            <pc:sldMk cId="1961725314" sldId="633"/>
            <ac:spMk id="73" creationId="{3B557EFC-1AAF-0AD5-DE5F-0D28D7DF2B10}"/>
          </ac:spMkLst>
        </pc:spChg>
        <pc:spChg chg="add">
          <ac:chgData name="Amanda Williams" userId="S::awilliams@palmbeachtpa.org::61f8c09a-035c-44fe-b6a3-de640d11dc15" providerId="AD" clId="Web-{AD91D2D5-12AC-839E-EC93-F9EB2D6D6488}" dt="2022-05-16T20:05:11.127" v="4"/>
          <ac:spMkLst>
            <pc:docMk/>
            <pc:sldMk cId="1961725314" sldId="633"/>
            <ac:spMk id="74" creationId="{62B40F9A-839D-2DF2-4EC3-7D219129BA87}"/>
          </ac:spMkLst>
        </pc:spChg>
        <pc:spChg chg="add">
          <ac:chgData name="Amanda Williams" userId="S::awilliams@palmbeachtpa.org::61f8c09a-035c-44fe-b6a3-de640d11dc15" providerId="AD" clId="Web-{AD91D2D5-12AC-839E-EC93-F9EB2D6D6488}" dt="2022-05-16T20:05:11.127" v="4"/>
          <ac:spMkLst>
            <pc:docMk/>
            <pc:sldMk cId="1961725314" sldId="633"/>
            <ac:spMk id="75" creationId="{66BF0D74-285E-36B1-5163-7860061FFE9A}"/>
          </ac:spMkLst>
        </pc:spChg>
        <pc:spChg chg="add">
          <ac:chgData name="Amanda Williams" userId="S::awilliams@palmbeachtpa.org::61f8c09a-035c-44fe-b6a3-de640d11dc15" providerId="AD" clId="Web-{AD91D2D5-12AC-839E-EC93-F9EB2D6D6488}" dt="2022-05-16T20:05:11.127" v="4"/>
          <ac:spMkLst>
            <pc:docMk/>
            <pc:sldMk cId="1961725314" sldId="633"/>
            <ac:spMk id="76" creationId="{DD934F54-62B5-CC3A-D614-30EDB765F34A}"/>
          </ac:spMkLst>
        </pc:spChg>
        <pc:spChg chg="add">
          <ac:chgData name="Amanda Williams" userId="S::awilliams@palmbeachtpa.org::61f8c09a-035c-44fe-b6a3-de640d11dc15" providerId="AD" clId="Web-{AD91D2D5-12AC-839E-EC93-F9EB2D6D6488}" dt="2022-05-16T20:05:11.127" v="4"/>
          <ac:spMkLst>
            <pc:docMk/>
            <pc:sldMk cId="1961725314" sldId="633"/>
            <ac:spMk id="77" creationId="{09B7D100-B8F2-569E-1438-B68C8C4295FE}"/>
          </ac:spMkLst>
        </pc:spChg>
        <pc:spChg chg="add">
          <ac:chgData name="Amanda Williams" userId="S::awilliams@palmbeachtpa.org::61f8c09a-035c-44fe-b6a3-de640d11dc15" providerId="AD" clId="Web-{AD91D2D5-12AC-839E-EC93-F9EB2D6D6488}" dt="2022-05-16T20:05:11.127" v="4"/>
          <ac:spMkLst>
            <pc:docMk/>
            <pc:sldMk cId="1961725314" sldId="633"/>
            <ac:spMk id="78" creationId="{492703CF-3145-193C-BAD7-96ED2C41B8C1}"/>
          </ac:spMkLst>
        </pc:spChg>
        <pc:spChg chg="add">
          <ac:chgData name="Amanda Williams" userId="S::awilliams@palmbeachtpa.org::61f8c09a-035c-44fe-b6a3-de640d11dc15" providerId="AD" clId="Web-{AD91D2D5-12AC-839E-EC93-F9EB2D6D6488}" dt="2022-05-16T20:05:11.127" v="4"/>
          <ac:spMkLst>
            <pc:docMk/>
            <pc:sldMk cId="1961725314" sldId="633"/>
            <ac:spMk id="79" creationId="{B2E7526D-86C5-38BD-50BA-E9D836ACE14C}"/>
          </ac:spMkLst>
        </pc:spChg>
        <pc:spChg chg="add">
          <ac:chgData name="Amanda Williams" userId="S::awilliams@palmbeachtpa.org::61f8c09a-035c-44fe-b6a3-de640d11dc15" providerId="AD" clId="Web-{AD91D2D5-12AC-839E-EC93-F9EB2D6D6488}" dt="2022-05-16T20:05:11.127" v="4"/>
          <ac:spMkLst>
            <pc:docMk/>
            <pc:sldMk cId="1961725314" sldId="633"/>
            <ac:spMk id="80" creationId="{020E837E-22E4-EF17-E80B-9F646B48C103}"/>
          </ac:spMkLst>
        </pc:spChg>
        <pc:spChg chg="add">
          <ac:chgData name="Amanda Williams" userId="S::awilliams@palmbeachtpa.org::61f8c09a-035c-44fe-b6a3-de640d11dc15" providerId="AD" clId="Web-{AD91D2D5-12AC-839E-EC93-F9EB2D6D6488}" dt="2022-05-16T20:05:11.127" v="4"/>
          <ac:spMkLst>
            <pc:docMk/>
            <pc:sldMk cId="1961725314" sldId="633"/>
            <ac:spMk id="81" creationId="{5DD6D4FD-8722-4CB2-26DF-5CD6FD1151AC}"/>
          </ac:spMkLst>
        </pc:spChg>
        <pc:spChg chg="add">
          <ac:chgData name="Amanda Williams" userId="S::awilliams@palmbeachtpa.org::61f8c09a-035c-44fe-b6a3-de640d11dc15" providerId="AD" clId="Web-{AD91D2D5-12AC-839E-EC93-F9EB2D6D6488}" dt="2022-05-16T20:05:11.127" v="4"/>
          <ac:spMkLst>
            <pc:docMk/>
            <pc:sldMk cId="1961725314" sldId="633"/>
            <ac:spMk id="82" creationId="{52CF0B62-103D-C82B-A391-BA9C8964EB8B}"/>
          </ac:spMkLst>
        </pc:spChg>
        <pc:spChg chg="add">
          <ac:chgData name="Amanda Williams" userId="S::awilliams@palmbeachtpa.org::61f8c09a-035c-44fe-b6a3-de640d11dc15" providerId="AD" clId="Web-{AD91D2D5-12AC-839E-EC93-F9EB2D6D6488}" dt="2022-05-16T20:05:11.127" v="4"/>
          <ac:spMkLst>
            <pc:docMk/>
            <pc:sldMk cId="1961725314" sldId="633"/>
            <ac:spMk id="83" creationId="{E7E71574-EFD3-58F4-BEA4-F8DEE6730787}"/>
          </ac:spMkLst>
        </pc:spChg>
        <pc:spChg chg="add">
          <ac:chgData name="Amanda Williams" userId="S::awilliams@palmbeachtpa.org::61f8c09a-035c-44fe-b6a3-de640d11dc15" providerId="AD" clId="Web-{AD91D2D5-12AC-839E-EC93-F9EB2D6D6488}" dt="2022-05-16T20:05:11.127" v="4"/>
          <ac:spMkLst>
            <pc:docMk/>
            <pc:sldMk cId="1961725314" sldId="633"/>
            <ac:spMk id="84" creationId="{1957E7CD-A156-FC6E-D6A2-93F7A8EE778E}"/>
          </ac:spMkLst>
        </pc:spChg>
        <pc:spChg chg="add">
          <ac:chgData name="Amanda Williams" userId="S::awilliams@palmbeachtpa.org::61f8c09a-035c-44fe-b6a3-de640d11dc15" providerId="AD" clId="Web-{AD91D2D5-12AC-839E-EC93-F9EB2D6D6488}" dt="2022-05-16T20:05:11.127" v="4"/>
          <ac:spMkLst>
            <pc:docMk/>
            <pc:sldMk cId="1961725314" sldId="633"/>
            <ac:spMk id="85" creationId="{3C4E48F6-F502-A8CF-BAD7-B9806BCF9AED}"/>
          </ac:spMkLst>
        </pc:spChg>
        <pc:spChg chg="add">
          <ac:chgData name="Amanda Williams" userId="S::awilliams@palmbeachtpa.org::61f8c09a-035c-44fe-b6a3-de640d11dc15" providerId="AD" clId="Web-{AD91D2D5-12AC-839E-EC93-F9EB2D6D6488}" dt="2022-05-16T20:05:11.127" v="4"/>
          <ac:spMkLst>
            <pc:docMk/>
            <pc:sldMk cId="1961725314" sldId="633"/>
            <ac:spMk id="86" creationId="{6D21891A-E516-F4D9-60B8-00BD4ED2BB28}"/>
          </ac:spMkLst>
        </pc:spChg>
        <pc:spChg chg="add">
          <ac:chgData name="Amanda Williams" userId="S::awilliams@palmbeachtpa.org::61f8c09a-035c-44fe-b6a3-de640d11dc15" providerId="AD" clId="Web-{AD91D2D5-12AC-839E-EC93-F9EB2D6D6488}" dt="2022-05-16T20:05:11.127" v="4"/>
          <ac:spMkLst>
            <pc:docMk/>
            <pc:sldMk cId="1961725314" sldId="633"/>
            <ac:spMk id="87" creationId="{7F9F258B-1748-26CB-9C38-12FA398CF6DB}"/>
          </ac:spMkLst>
        </pc:spChg>
        <pc:spChg chg="add">
          <ac:chgData name="Amanda Williams" userId="S::awilliams@palmbeachtpa.org::61f8c09a-035c-44fe-b6a3-de640d11dc15" providerId="AD" clId="Web-{AD91D2D5-12AC-839E-EC93-F9EB2D6D6488}" dt="2022-05-16T20:05:11.127" v="4"/>
          <ac:spMkLst>
            <pc:docMk/>
            <pc:sldMk cId="1961725314" sldId="633"/>
            <ac:spMk id="88" creationId="{E5A8783E-2964-D66E-24FE-DB8A32D55C5C}"/>
          </ac:spMkLst>
        </pc:spChg>
        <pc:spChg chg="add">
          <ac:chgData name="Amanda Williams" userId="S::awilliams@palmbeachtpa.org::61f8c09a-035c-44fe-b6a3-de640d11dc15" providerId="AD" clId="Web-{AD91D2D5-12AC-839E-EC93-F9EB2D6D6488}" dt="2022-05-16T20:05:11.127" v="4"/>
          <ac:spMkLst>
            <pc:docMk/>
            <pc:sldMk cId="1961725314" sldId="633"/>
            <ac:spMk id="89" creationId="{BB9DA287-675E-F4DA-A044-3C3D837EA3D9}"/>
          </ac:spMkLst>
        </pc:spChg>
        <pc:grpChg chg="add">
          <ac:chgData name="Amanda Williams" userId="S::awilliams@palmbeachtpa.org::61f8c09a-035c-44fe-b6a3-de640d11dc15" providerId="AD" clId="Web-{AD91D2D5-12AC-839E-EC93-F9EB2D6D6488}" dt="2022-05-16T20:05:11.127" v="4"/>
          <ac:grpSpMkLst>
            <pc:docMk/>
            <pc:sldMk cId="1961725314" sldId="633"/>
            <ac:grpSpMk id="5" creationId="{26267E67-720C-3492-CE25-23CAD29BDD6B}"/>
          </ac:grpSpMkLst>
        </pc:grpChg>
        <pc:cxnChg chg="add">
          <ac:chgData name="Amanda Williams" userId="S::awilliams@palmbeachtpa.org::61f8c09a-035c-44fe-b6a3-de640d11dc15" providerId="AD" clId="Web-{AD91D2D5-12AC-839E-EC93-F9EB2D6D6488}" dt="2022-05-16T20:05:11.127" v="4"/>
          <ac:cxnSpMkLst>
            <pc:docMk/>
            <pc:sldMk cId="1961725314" sldId="633"/>
            <ac:cxnSpMk id="6" creationId="{0ACBFB6C-3987-D58D-86B5-F1003DB33033}"/>
          </ac:cxnSpMkLst>
        </pc:cxnChg>
        <pc:cxnChg chg="add">
          <ac:chgData name="Amanda Williams" userId="S::awilliams@palmbeachtpa.org::61f8c09a-035c-44fe-b6a3-de640d11dc15" providerId="AD" clId="Web-{AD91D2D5-12AC-839E-EC93-F9EB2D6D6488}" dt="2022-05-16T20:05:11.127" v="4"/>
          <ac:cxnSpMkLst>
            <pc:docMk/>
            <pc:sldMk cId="1961725314" sldId="633"/>
            <ac:cxnSpMk id="7" creationId="{612156A6-1929-2DF1-10E9-E0D68A590591}"/>
          </ac:cxnSpMkLst>
        </pc:cxnChg>
        <pc:cxnChg chg="add">
          <ac:chgData name="Amanda Williams" userId="S::awilliams@palmbeachtpa.org::61f8c09a-035c-44fe-b6a3-de640d11dc15" providerId="AD" clId="Web-{AD91D2D5-12AC-839E-EC93-F9EB2D6D6488}" dt="2022-05-16T20:05:11.127" v="4"/>
          <ac:cxnSpMkLst>
            <pc:docMk/>
            <pc:sldMk cId="1961725314" sldId="633"/>
            <ac:cxnSpMk id="8" creationId="{144B9148-BC7A-3282-06DA-9E167D6A5781}"/>
          </ac:cxnSpMkLst>
        </pc:cxnChg>
        <pc:cxnChg chg="add">
          <ac:chgData name="Amanda Williams" userId="S::awilliams@palmbeachtpa.org::61f8c09a-035c-44fe-b6a3-de640d11dc15" providerId="AD" clId="Web-{AD91D2D5-12AC-839E-EC93-F9EB2D6D6488}" dt="2022-05-16T20:05:11.127" v="4"/>
          <ac:cxnSpMkLst>
            <pc:docMk/>
            <pc:sldMk cId="1961725314" sldId="633"/>
            <ac:cxnSpMk id="9" creationId="{21666F53-4069-DC7C-46ED-00B4949AD305}"/>
          </ac:cxnSpMkLst>
        </pc:cxnChg>
        <pc:cxnChg chg="add">
          <ac:chgData name="Amanda Williams" userId="S::awilliams@palmbeachtpa.org::61f8c09a-035c-44fe-b6a3-de640d11dc15" providerId="AD" clId="Web-{AD91D2D5-12AC-839E-EC93-F9EB2D6D6488}" dt="2022-05-16T20:05:11.127" v="4"/>
          <ac:cxnSpMkLst>
            <pc:docMk/>
            <pc:sldMk cId="1961725314" sldId="633"/>
            <ac:cxnSpMk id="10" creationId="{D283A1AB-4B7E-FC61-98CE-C4E270CF1116}"/>
          </ac:cxnSpMkLst>
        </pc:cxnChg>
        <pc:cxnChg chg="add">
          <ac:chgData name="Amanda Williams" userId="S::awilliams@palmbeachtpa.org::61f8c09a-035c-44fe-b6a3-de640d11dc15" providerId="AD" clId="Web-{AD91D2D5-12AC-839E-EC93-F9EB2D6D6488}" dt="2022-05-16T20:05:11.127" v="4"/>
          <ac:cxnSpMkLst>
            <pc:docMk/>
            <pc:sldMk cId="1961725314" sldId="633"/>
            <ac:cxnSpMk id="11" creationId="{E06AB7F9-36BE-E5E7-8DD3-9A627DEBD593}"/>
          </ac:cxnSpMkLst>
        </pc:cxnChg>
        <pc:cxnChg chg="add">
          <ac:chgData name="Amanda Williams" userId="S::awilliams@palmbeachtpa.org::61f8c09a-035c-44fe-b6a3-de640d11dc15" providerId="AD" clId="Web-{AD91D2D5-12AC-839E-EC93-F9EB2D6D6488}" dt="2022-05-16T20:05:11.127" v="4"/>
          <ac:cxnSpMkLst>
            <pc:docMk/>
            <pc:sldMk cId="1961725314" sldId="633"/>
            <ac:cxnSpMk id="13" creationId="{33CC0CB8-C641-6C1D-F914-58C2B69572D2}"/>
          </ac:cxnSpMkLst>
        </pc:cxnChg>
        <pc:cxnChg chg="add">
          <ac:chgData name="Amanda Williams" userId="S::awilliams@palmbeachtpa.org::61f8c09a-035c-44fe-b6a3-de640d11dc15" providerId="AD" clId="Web-{AD91D2D5-12AC-839E-EC93-F9EB2D6D6488}" dt="2022-05-16T20:05:11.127" v="4"/>
          <ac:cxnSpMkLst>
            <pc:docMk/>
            <pc:sldMk cId="1961725314" sldId="633"/>
            <ac:cxnSpMk id="14" creationId="{7B9D0FCF-D7B3-C343-7D24-0CD9CE803DD7}"/>
          </ac:cxnSpMkLst>
        </pc:cxnChg>
        <pc:cxnChg chg="add">
          <ac:chgData name="Amanda Williams" userId="S::awilliams@palmbeachtpa.org::61f8c09a-035c-44fe-b6a3-de640d11dc15" providerId="AD" clId="Web-{AD91D2D5-12AC-839E-EC93-F9EB2D6D6488}" dt="2022-05-16T20:05:11.127" v="4"/>
          <ac:cxnSpMkLst>
            <pc:docMk/>
            <pc:sldMk cId="1961725314" sldId="633"/>
            <ac:cxnSpMk id="15" creationId="{6529BD99-E652-3E3D-3C94-ABEE37D471F3}"/>
          </ac:cxnSpMkLst>
        </pc:cxnChg>
        <pc:cxnChg chg="add">
          <ac:chgData name="Amanda Williams" userId="S::awilliams@palmbeachtpa.org::61f8c09a-035c-44fe-b6a3-de640d11dc15" providerId="AD" clId="Web-{AD91D2D5-12AC-839E-EC93-F9EB2D6D6488}" dt="2022-05-16T20:05:11.127" v="4"/>
          <ac:cxnSpMkLst>
            <pc:docMk/>
            <pc:sldMk cId="1961725314" sldId="633"/>
            <ac:cxnSpMk id="16" creationId="{DF6B885D-EEDE-5842-46B3-D2A97E019164}"/>
          </ac:cxnSpMkLst>
        </pc:cxnChg>
        <pc:cxnChg chg="add">
          <ac:chgData name="Amanda Williams" userId="S::awilliams@palmbeachtpa.org::61f8c09a-035c-44fe-b6a3-de640d11dc15" providerId="AD" clId="Web-{AD91D2D5-12AC-839E-EC93-F9EB2D6D6488}" dt="2022-05-16T20:05:11.127" v="4"/>
          <ac:cxnSpMkLst>
            <pc:docMk/>
            <pc:sldMk cId="1961725314" sldId="633"/>
            <ac:cxnSpMk id="17" creationId="{582A46BE-EB71-31AF-C2B0-C4CDFD7CF477}"/>
          </ac:cxnSpMkLst>
        </pc:cxnChg>
        <pc:cxnChg chg="add">
          <ac:chgData name="Amanda Williams" userId="S::awilliams@palmbeachtpa.org::61f8c09a-035c-44fe-b6a3-de640d11dc15" providerId="AD" clId="Web-{AD91D2D5-12AC-839E-EC93-F9EB2D6D6488}" dt="2022-05-16T20:05:11.127" v="4"/>
          <ac:cxnSpMkLst>
            <pc:docMk/>
            <pc:sldMk cId="1961725314" sldId="633"/>
            <ac:cxnSpMk id="18" creationId="{77C62EE9-EC99-6FD7-1AC5-FA369FC739D3}"/>
          </ac:cxnSpMkLst>
        </pc:cxnChg>
        <pc:cxnChg chg="add">
          <ac:chgData name="Amanda Williams" userId="S::awilliams@palmbeachtpa.org::61f8c09a-035c-44fe-b6a3-de640d11dc15" providerId="AD" clId="Web-{AD91D2D5-12AC-839E-EC93-F9EB2D6D6488}" dt="2022-05-16T20:05:11.127" v="4"/>
          <ac:cxnSpMkLst>
            <pc:docMk/>
            <pc:sldMk cId="1961725314" sldId="633"/>
            <ac:cxnSpMk id="22" creationId="{042D1BBB-7E82-C696-226E-67C7EC16649F}"/>
          </ac:cxnSpMkLst>
        </pc:cxnChg>
        <pc:cxnChg chg="add">
          <ac:chgData name="Amanda Williams" userId="S::awilliams@palmbeachtpa.org::61f8c09a-035c-44fe-b6a3-de640d11dc15" providerId="AD" clId="Web-{AD91D2D5-12AC-839E-EC93-F9EB2D6D6488}" dt="2022-05-16T20:05:11.127" v="4"/>
          <ac:cxnSpMkLst>
            <pc:docMk/>
            <pc:sldMk cId="1961725314" sldId="633"/>
            <ac:cxnSpMk id="24" creationId="{3F529107-A228-9A80-8CA1-BFD28931D0B5}"/>
          </ac:cxnSpMkLst>
        </pc:cxnChg>
        <pc:cxnChg chg="add">
          <ac:chgData name="Amanda Williams" userId="S::awilliams@palmbeachtpa.org::61f8c09a-035c-44fe-b6a3-de640d11dc15" providerId="AD" clId="Web-{AD91D2D5-12AC-839E-EC93-F9EB2D6D6488}" dt="2022-05-16T20:05:11.127" v="4"/>
          <ac:cxnSpMkLst>
            <pc:docMk/>
            <pc:sldMk cId="1961725314" sldId="633"/>
            <ac:cxnSpMk id="26" creationId="{E5B2CADC-CF7D-99F0-7E6C-2B38E9102C9D}"/>
          </ac:cxnSpMkLst>
        </pc:cxnChg>
        <pc:cxnChg chg="add">
          <ac:chgData name="Amanda Williams" userId="S::awilliams@palmbeachtpa.org::61f8c09a-035c-44fe-b6a3-de640d11dc15" providerId="AD" clId="Web-{AD91D2D5-12AC-839E-EC93-F9EB2D6D6488}" dt="2022-05-16T20:05:11.127" v="4"/>
          <ac:cxnSpMkLst>
            <pc:docMk/>
            <pc:sldMk cId="1961725314" sldId="633"/>
            <ac:cxnSpMk id="28" creationId="{F445C06A-2BBD-F86D-682D-EB814BE8BBB7}"/>
          </ac:cxnSpMkLst>
        </pc:cxnChg>
        <pc:cxnChg chg="add">
          <ac:chgData name="Amanda Williams" userId="S::awilliams@palmbeachtpa.org::61f8c09a-035c-44fe-b6a3-de640d11dc15" providerId="AD" clId="Web-{AD91D2D5-12AC-839E-EC93-F9EB2D6D6488}" dt="2022-05-16T20:05:11.127" v="4"/>
          <ac:cxnSpMkLst>
            <pc:docMk/>
            <pc:sldMk cId="1961725314" sldId="633"/>
            <ac:cxnSpMk id="30" creationId="{2F06DE4A-AE87-272A-8BBA-7FC54CD7286C}"/>
          </ac:cxnSpMkLst>
        </pc:cxnChg>
        <pc:cxnChg chg="add">
          <ac:chgData name="Amanda Williams" userId="S::awilliams@palmbeachtpa.org::61f8c09a-035c-44fe-b6a3-de640d11dc15" providerId="AD" clId="Web-{AD91D2D5-12AC-839E-EC93-F9EB2D6D6488}" dt="2022-05-16T20:05:11.127" v="4"/>
          <ac:cxnSpMkLst>
            <pc:docMk/>
            <pc:sldMk cId="1961725314" sldId="633"/>
            <ac:cxnSpMk id="32" creationId="{B612B716-896B-0F91-C670-A47B370BB0F9}"/>
          </ac:cxnSpMkLst>
        </pc:cxnChg>
        <pc:cxnChg chg="add">
          <ac:chgData name="Amanda Williams" userId="S::awilliams@palmbeachtpa.org::61f8c09a-035c-44fe-b6a3-de640d11dc15" providerId="AD" clId="Web-{AD91D2D5-12AC-839E-EC93-F9EB2D6D6488}" dt="2022-05-16T20:05:11.127" v="4"/>
          <ac:cxnSpMkLst>
            <pc:docMk/>
            <pc:sldMk cId="1961725314" sldId="633"/>
            <ac:cxnSpMk id="34" creationId="{FBE783E8-480D-8EE7-74E6-8A3259C04E9F}"/>
          </ac:cxnSpMkLst>
        </pc:cxnChg>
        <pc:cxnChg chg="add">
          <ac:chgData name="Amanda Williams" userId="S::awilliams@palmbeachtpa.org::61f8c09a-035c-44fe-b6a3-de640d11dc15" providerId="AD" clId="Web-{AD91D2D5-12AC-839E-EC93-F9EB2D6D6488}" dt="2022-05-16T20:05:11.127" v="4"/>
          <ac:cxnSpMkLst>
            <pc:docMk/>
            <pc:sldMk cId="1961725314" sldId="633"/>
            <ac:cxnSpMk id="36" creationId="{7585EA54-3AF7-FA42-44C2-6462B5659618}"/>
          </ac:cxnSpMkLst>
        </pc:cxnChg>
        <pc:cxnChg chg="add">
          <ac:chgData name="Amanda Williams" userId="S::awilliams@palmbeachtpa.org::61f8c09a-035c-44fe-b6a3-de640d11dc15" providerId="AD" clId="Web-{AD91D2D5-12AC-839E-EC93-F9EB2D6D6488}" dt="2022-05-16T20:05:11.127" v="4"/>
          <ac:cxnSpMkLst>
            <pc:docMk/>
            <pc:sldMk cId="1961725314" sldId="633"/>
            <ac:cxnSpMk id="38" creationId="{64D20F34-4F58-1754-39CD-6F7597B1F49D}"/>
          </ac:cxnSpMkLst>
        </pc:cxnChg>
        <pc:cxnChg chg="add">
          <ac:chgData name="Amanda Williams" userId="S::awilliams@palmbeachtpa.org::61f8c09a-035c-44fe-b6a3-de640d11dc15" providerId="AD" clId="Web-{AD91D2D5-12AC-839E-EC93-F9EB2D6D6488}" dt="2022-05-16T20:05:11.127" v="4"/>
          <ac:cxnSpMkLst>
            <pc:docMk/>
            <pc:sldMk cId="1961725314" sldId="633"/>
            <ac:cxnSpMk id="40" creationId="{B57F4B4C-B5E4-F497-68E3-45D618134A86}"/>
          </ac:cxnSpMkLst>
        </pc:cxnChg>
        <pc:cxnChg chg="add">
          <ac:chgData name="Amanda Williams" userId="S::awilliams@palmbeachtpa.org::61f8c09a-035c-44fe-b6a3-de640d11dc15" providerId="AD" clId="Web-{AD91D2D5-12AC-839E-EC93-F9EB2D6D6488}" dt="2022-05-16T20:05:11.127" v="4"/>
          <ac:cxnSpMkLst>
            <pc:docMk/>
            <pc:sldMk cId="1961725314" sldId="633"/>
            <ac:cxnSpMk id="42" creationId="{9CBDE48B-4CF3-2EAE-960D-2B7C75B2CDB4}"/>
          </ac:cxnSpMkLst>
        </pc:cxnChg>
      </pc:sldChg>
    </pc:docChg>
  </pc:docChgLst>
  <pc:docChgLst>
    <pc:chgData name="Amanda Williams" userId="S::awilliams@palmbeachtpa.org::61f8c09a-035c-44fe-b6a3-de640d11dc15" providerId="AD" clId="Web-{D7773AAE-A2E2-C70E-559A-C3759642A5AD}"/>
    <pc:docChg chg="modSld">
      <pc:chgData name="Amanda Williams" userId="S::awilliams@palmbeachtpa.org::61f8c09a-035c-44fe-b6a3-de640d11dc15" providerId="AD" clId="Web-{D7773AAE-A2E2-C70E-559A-C3759642A5AD}" dt="2022-05-16T20:02:59.692" v="0"/>
      <pc:docMkLst>
        <pc:docMk/>
      </pc:docMkLst>
      <pc:sldChg chg="delSp">
        <pc:chgData name="Amanda Williams" userId="S::awilliams@palmbeachtpa.org::61f8c09a-035c-44fe-b6a3-de640d11dc15" providerId="AD" clId="Web-{D7773AAE-A2E2-C70E-559A-C3759642A5AD}" dt="2022-05-16T20:02:59.692" v="0"/>
        <pc:sldMkLst>
          <pc:docMk/>
          <pc:sldMk cId="1961725314" sldId="633"/>
        </pc:sldMkLst>
        <pc:grpChg chg="del">
          <ac:chgData name="Amanda Williams" userId="S::awilliams@palmbeachtpa.org::61f8c09a-035c-44fe-b6a3-de640d11dc15" providerId="AD" clId="Web-{D7773AAE-A2E2-C70E-559A-C3759642A5AD}" dt="2022-05-16T20:02:59.692" v="0"/>
          <ac:grpSpMkLst>
            <pc:docMk/>
            <pc:sldMk cId="1961725314" sldId="633"/>
            <ac:grpSpMk id="84" creationId="{B9F9C310-DB0F-662F-7BAD-D88A2F5C584B}"/>
          </ac:grpSpMkLst>
        </pc:gr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E8BF53A-1F00-4CBD-8248-F627D76E50C2}" type="datetimeFigureOut">
              <a:rPr lang="en-US" smtClean="0"/>
              <a:t>11/16/20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CE4F8800-CF32-4627-9E21-B8AA35BDEF7C}" type="slidenum">
              <a:rPr lang="en-US" smtClean="0"/>
              <a:t>‹#›</a:t>
            </a:fld>
            <a:endParaRPr lang="en-US"/>
          </a:p>
        </p:txBody>
      </p:sp>
    </p:spTree>
    <p:extLst>
      <p:ext uri="{BB962C8B-B14F-4D97-AF65-F5344CB8AC3E}">
        <p14:creationId xmlns:p14="http://schemas.microsoft.com/office/powerpoint/2010/main" val="212538574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E4F8800-CF32-4627-9E21-B8AA35BDEF7C}" type="slidenum">
              <a:rPr lang="en-US" smtClean="0"/>
              <a:t>4</a:t>
            </a:fld>
            <a:endParaRPr lang="en-US"/>
          </a:p>
        </p:txBody>
      </p:sp>
    </p:spTree>
    <p:extLst>
      <p:ext uri="{BB962C8B-B14F-4D97-AF65-F5344CB8AC3E}">
        <p14:creationId xmlns:p14="http://schemas.microsoft.com/office/powerpoint/2010/main" val="14633619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lnSpc>
                <a:spcPct val="170000"/>
              </a:lnSpc>
              <a:buNone/>
            </a:pPr>
            <a:r>
              <a:rPr lang="en-US" sz="1200" dirty="0">
                <a:solidFill>
                  <a:srgbClr val="6C6D70"/>
                </a:solidFill>
                <a:latin typeface="Tahoma" panose="020B0604030504040204" pitchFamily="34" charset="0"/>
                <a:ea typeface="Tahoma" panose="020B0604030504040204" pitchFamily="34" charset="0"/>
                <a:cs typeface="Tahoma" panose="020B0604030504040204" pitchFamily="34" charset="0"/>
              </a:rPr>
              <a:t>CTD: Independent state agency created to accomplish the coordination of transportation services provided to the transportation disadvantaged population.</a:t>
            </a:r>
          </a:p>
          <a:p>
            <a:pPr marL="0" indent="0">
              <a:lnSpc>
                <a:spcPct val="170000"/>
              </a:lnSpc>
              <a:buNone/>
            </a:pPr>
            <a:endParaRPr lang="en-US" sz="1050" dirty="0">
              <a:solidFill>
                <a:srgbClr val="6C6D70"/>
              </a:solidFill>
              <a:latin typeface="Tahoma" panose="020B0604030504040204" pitchFamily="34" charset="0"/>
              <a:ea typeface="Tahoma" panose="020B0604030504040204" pitchFamily="34" charset="0"/>
              <a:cs typeface="Tahoma" panose="020B060403050404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DOPA: </a:t>
            </a:r>
            <a:r>
              <a:rPr lang="en-US" sz="1200" dirty="0">
                <a:solidFill>
                  <a:srgbClr val="6C6D70"/>
                </a:solidFill>
                <a:latin typeface="Tahoma" panose="020B0604030504040204" pitchFamily="34" charset="0"/>
                <a:ea typeface="Tahoma" panose="020B0604030504040204" pitchFamily="34" charset="0"/>
                <a:cs typeface="Tahoma" panose="020B0604030504040204" pitchFamily="34" charset="0"/>
              </a:rPr>
              <a:t>The official body or agency designated by the CTD to fulfill the functions of transportation disadvantaged planning.</a:t>
            </a:r>
            <a:endParaRPr lang="en-US" dirty="0"/>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TC: </a:t>
            </a:r>
            <a:r>
              <a:rPr lang="en-US" sz="1200" dirty="0">
                <a:solidFill>
                  <a:srgbClr val="6C6D70"/>
                </a:solidFill>
                <a:latin typeface="Tahoma" panose="020B0604030504040204" pitchFamily="34" charset="0"/>
                <a:ea typeface="Tahoma" panose="020B0604030504040204" pitchFamily="34" charset="0"/>
                <a:cs typeface="Tahoma" panose="020B0604030504040204" pitchFamily="34" charset="0"/>
              </a:rPr>
              <a:t>Transportation entity that ensures coordinated transportation services are provided to serve the transportation disadvantaged popula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LCB: </a:t>
            </a:r>
            <a:r>
              <a:rPr lang="en-US" sz="1200" dirty="0">
                <a:solidFill>
                  <a:srgbClr val="6C6D70"/>
                </a:solidFill>
                <a:latin typeface="Tahoma" panose="020B0604030504040204" pitchFamily="34" charset="0"/>
                <a:ea typeface="Tahoma" panose="020B0604030504040204" pitchFamily="34" charset="0"/>
                <a:cs typeface="Tahoma" panose="020B0604030504040204" pitchFamily="34" charset="0"/>
              </a:rPr>
              <a:t>The LCB is an advisory board, established by Florida Statutes to advise the CTD and CTC about local concerns and issues.</a:t>
            </a:r>
          </a:p>
          <a:p>
            <a:endParaRPr lang="en-US" dirty="0"/>
          </a:p>
        </p:txBody>
      </p:sp>
      <p:sp>
        <p:nvSpPr>
          <p:cNvPr id="4" name="Slide Number Placeholder 3"/>
          <p:cNvSpPr>
            <a:spLocks noGrp="1"/>
          </p:cNvSpPr>
          <p:nvPr>
            <p:ph type="sldNum" sz="quarter" idx="5"/>
          </p:nvPr>
        </p:nvSpPr>
        <p:spPr/>
        <p:txBody>
          <a:bodyPr/>
          <a:lstStyle/>
          <a:p>
            <a:fld id="{CE4F8800-CF32-4627-9E21-B8AA35BDEF7C}" type="slidenum">
              <a:rPr lang="en-US" smtClean="0"/>
              <a:t>7</a:t>
            </a:fld>
            <a:endParaRPr lang="en-US"/>
          </a:p>
        </p:txBody>
      </p:sp>
    </p:spTree>
    <p:extLst>
      <p:ext uri="{BB962C8B-B14F-4D97-AF65-F5344CB8AC3E}">
        <p14:creationId xmlns:p14="http://schemas.microsoft.com/office/powerpoint/2010/main" val="24692929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lnSpc>
                <a:spcPct val="170000"/>
              </a:lnSpc>
              <a:buNone/>
            </a:pPr>
            <a:r>
              <a:rPr lang="en-US" sz="1200" dirty="0">
                <a:solidFill>
                  <a:srgbClr val="6C6D70"/>
                </a:solidFill>
                <a:latin typeface="Tahoma" panose="020B0604030504040204" pitchFamily="34" charset="0"/>
                <a:ea typeface="Tahoma" panose="020B0604030504040204" pitchFamily="34" charset="0"/>
                <a:cs typeface="Tahoma" panose="020B0604030504040204" pitchFamily="34" charset="0"/>
              </a:rPr>
              <a:t>CTD: Independent state agency created to accomplish the coordination of transportation services provided to the transportation disadvantaged population.</a:t>
            </a:r>
          </a:p>
          <a:p>
            <a:pPr marL="0" indent="0">
              <a:lnSpc>
                <a:spcPct val="170000"/>
              </a:lnSpc>
              <a:buNone/>
            </a:pPr>
            <a:endParaRPr lang="en-US" sz="1050" dirty="0">
              <a:solidFill>
                <a:srgbClr val="6C6D70"/>
              </a:solidFill>
              <a:latin typeface="Tahoma" panose="020B0604030504040204" pitchFamily="34" charset="0"/>
              <a:ea typeface="Tahoma" panose="020B0604030504040204" pitchFamily="34" charset="0"/>
              <a:cs typeface="Tahoma" panose="020B060403050404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DOPA: </a:t>
            </a:r>
            <a:r>
              <a:rPr lang="en-US" sz="1200" dirty="0">
                <a:solidFill>
                  <a:srgbClr val="6C6D70"/>
                </a:solidFill>
                <a:latin typeface="Tahoma" panose="020B0604030504040204" pitchFamily="34" charset="0"/>
                <a:ea typeface="Tahoma" panose="020B0604030504040204" pitchFamily="34" charset="0"/>
                <a:cs typeface="Tahoma" panose="020B0604030504040204" pitchFamily="34" charset="0"/>
              </a:rPr>
              <a:t>The official body or agency designated by the CTD to fulfill the functions of transportation disadvantaged planning.</a:t>
            </a:r>
            <a:endParaRPr lang="en-US" dirty="0"/>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TC: </a:t>
            </a:r>
            <a:r>
              <a:rPr lang="en-US" sz="1200" dirty="0">
                <a:solidFill>
                  <a:srgbClr val="6C6D70"/>
                </a:solidFill>
                <a:latin typeface="Tahoma" panose="020B0604030504040204" pitchFamily="34" charset="0"/>
                <a:ea typeface="Tahoma" panose="020B0604030504040204" pitchFamily="34" charset="0"/>
                <a:cs typeface="Tahoma" panose="020B0604030504040204" pitchFamily="34" charset="0"/>
              </a:rPr>
              <a:t>Transportation entity that ensures coordinated transportation services are provided to serve the transportation disadvantaged population.</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LCB: </a:t>
            </a:r>
            <a:r>
              <a:rPr lang="en-US" sz="1200" dirty="0">
                <a:solidFill>
                  <a:srgbClr val="6C6D70"/>
                </a:solidFill>
                <a:latin typeface="Tahoma" panose="020B0604030504040204" pitchFamily="34" charset="0"/>
                <a:ea typeface="Tahoma" panose="020B0604030504040204" pitchFamily="34" charset="0"/>
                <a:cs typeface="Tahoma" panose="020B0604030504040204" pitchFamily="34" charset="0"/>
              </a:rPr>
              <a:t>The LCB is an advisory board, established by Florida Statutes to advise the CTD and CTC about local concerns and issues.</a:t>
            </a:r>
          </a:p>
          <a:p>
            <a:endParaRPr lang="en-US" dirty="0"/>
          </a:p>
        </p:txBody>
      </p:sp>
      <p:sp>
        <p:nvSpPr>
          <p:cNvPr id="4" name="Slide Number Placeholder 3"/>
          <p:cNvSpPr>
            <a:spLocks noGrp="1"/>
          </p:cNvSpPr>
          <p:nvPr>
            <p:ph type="sldNum" sz="quarter" idx="5"/>
          </p:nvPr>
        </p:nvSpPr>
        <p:spPr/>
        <p:txBody>
          <a:bodyPr/>
          <a:lstStyle/>
          <a:p>
            <a:fld id="{CE4F8800-CF32-4627-9E21-B8AA35BDEF7C}" type="slidenum">
              <a:rPr lang="en-US" smtClean="0"/>
              <a:t>8</a:t>
            </a:fld>
            <a:endParaRPr lang="en-US"/>
          </a:p>
        </p:txBody>
      </p:sp>
    </p:spTree>
    <p:extLst>
      <p:ext uri="{BB962C8B-B14F-4D97-AF65-F5344CB8AC3E}">
        <p14:creationId xmlns:p14="http://schemas.microsoft.com/office/powerpoint/2010/main" val="133959289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E4F8800-CF32-4627-9E21-B8AA35BDEF7C}" type="slidenum">
              <a:rPr lang="en-US" smtClean="0"/>
              <a:t>18</a:t>
            </a:fld>
            <a:endParaRPr lang="en-US"/>
          </a:p>
        </p:txBody>
      </p:sp>
    </p:spTree>
    <p:extLst>
      <p:ext uri="{BB962C8B-B14F-4D97-AF65-F5344CB8AC3E}">
        <p14:creationId xmlns:p14="http://schemas.microsoft.com/office/powerpoint/2010/main" val="101619735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b="0" i="0" u="none" strike="noStrike" baseline="0">
                <a:solidFill>
                  <a:srgbClr val="000000"/>
                </a:solidFill>
                <a:latin typeface="Arial" panose="020B0604020202020204" pitchFamily="34" charset="0"/>
              </a:rPr>
              <a:t>The LCB is an advisory body that is established in section 427.0157, F.S., to advise the Commission and the CTC about local concerns and issues. </a:t>
            </a:r>
          </a:p>
          <a:p>
            <a:r>
              <a:rPr lang="en-US" sz="1800" b="0" i="0" u="none" strike="noStrike" baseline="0">
                <a:solidFill>
                  <a:srgbClr val="000000"/>
                </a:solidFill>
                <a:latin typeface="Arial" panose="020B0604020202020204" pitchFamily="34" charset="0"/>
              </a:rPr>
              <a:t>The purpose of the LCB is to identify local service needs and to provide information, advice, and direction to the Palm Beach County Community Transportation Coordinator (CTC) on the coordination of services to be provided to the transportation disadvantaged through the Florida Coordinated Transportation System. </a:t>
            </a:r>
            <a:endParaRPr lang="en-US"/>
          </a:p>
        </p:txBody>
      </p:sp>
      <p:sp>
        <p:nvSpPr>
          <p:cNvPr id="4" name="Slide Number Placeholder 3"/>
          <p:cNvSpPr>
            <a:spLocks noGrp="1"/>
          </p:cNvSpPr>
          <p:nvPr>
            <p:ph type="sldNum" sz="quarter" idx="5"/>
          </p:nvPr>
        </p:nvSpPr>
        <p:spPr/>
        <p:txBody>
          <a:bodyPr/>
          <a:lstStyle/>
          <a:p>
            <a:fld id="{D5200CAE-EB58-41BB-933B-A2F4F7542601}" type="slidenum">
              <a:rPr lang="en-US" smtClean="0"/>
              <a:t>25</a:t>
            </a:fld>
            <a:endParaRPr lang="en-US"/>
          </a:p>
        </p:txBody>
      </p:sp>
    </p:spTree>
    <p:extLst>
      <p:ext uri="{BB962C8B-B14F-4D97-AF65-F5344CB8AC3E}">
        <p14:creationId xmlns:p14="http://schemas.microsoft.com/office/powerpoint/2010/main" val="408419138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Note: Days = Business Days ex: DOPA has 10 BUSINESS days to respond</a:t>
            </a:r>
          </a:p>
        </p:txBody>
      </p:sp>
      <p:sp>
        <p:nvSpPr>
          <p:cNvPr id="4" name="Slide Number Placeholder 3"/>
          <p:cNvSpPr>
            <a:spLocks noGrp="1"/>
          </p:cNvSpPr>
          <p:nvPr>
            <p:ph type="sldNum" sz="quarter" idx="5"/>
          </p:nvPr>
        </p:nvSpPr>
        <p:spPr/>
        <p:txBody>
          <a:bodyPr/>
          <a:lstStyle/>
          <a:p>
            <a:fld id="{CE4F8800-CF32-4627-9E21-B8AA35BDEF7C}" type="slidenum">
              <a:rPr lang="en-US" smtClean="0"/>
              <a:t>27</a:t>
            </a:fld>
            <a:endParaRPr lang="en-US"/>
          </a:p>
        </p:txBody>
      </p:sp>
    </p:spTree>
    <p:extLst>
      <p:ext uri="{BB962C8B-B14F-4D97-AF65-F5344CB8AC3E}">
        <p14:creationId xmlns:p14="http://schemas.microsoft.com/office/powerpoint/2010/main" val="173856542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ctrTitle"/>
          </p:nvPr>
        </p:nvSpPr>
        <p:spPr>
          <a:xfrm>
            <a:off x="4769708" y="1155315"/>
            <a:ext cx="7422292" cy="2387600"/>
          </a:xfrm>
        </p:spPr>
        <p:txBody>
          <a:bodyPr anchor="b"/>
          <a:lstStyle>
            <a:lvl1pPr algn="ctr">
              <a:defRPr sz="6000">
                <a:solidFill>
                  <a:srgbClr val="6C6D70"/>
                </a:solidFill>
                <a:latin typeface="Trebuchet MS" panose="020B0603020202020204" pitchFamily="34" charset="0"/>
              </a:defRPr>
            </a:lvl1pPr>
          </a:lstStyle>
          <a:p>
            <a:r>
              <a:rPr lang="en-US"/>
              <a:t>Click to edit Master title style</a:t>
            </a:r>
          </a:p>
        </p:txBody>
      </p:sp>
      <p:sp>
        <p:nvSpPr>
          <p:cNvPr id="3" name="Subtitle 2"/>
          <p:cNvSpPr>
            <a:spLocks noGrp="1"/>
          </p:cNvSpPr>
          <p:nvPr>
            <p:ph type="subTitle" idx="1"/>
          </p:nvPr>
        </p:nvSpPr>
        <p:spPr>
          <a:xfrm>
            <a:off x="4769708" y="3602038"/>
            <a:ext cx="7422292" cy="1655762"/>
          </a:xfrm>
        </p:spPr>
        <p:txBody>
          <a:bodyPr/>
          <a:lstStyle>
            <a:lvl1pPr marL="0" indent="0" algn="ctr">
              <a:buNone/>
              <a:defRPr sz="2400">
                <a:solidFill>
                  <a:srgbClr val="C3C4C0"/>
                </a:solidFill>
                <a:latin typeface="Trebuchet MS" panose="020B0603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381866252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Light Blue Transition Sl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83B4790-CDFA-4986-9587-5A3A9AF404C6}" type="datetimeFigureOut">
              <a:rPr lang="en-US" smtClean="0"/>
              <a:t>11/16/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BC4BB82-2418-4D35-9A7E-6ED0E6E63174}" type="slidenum">
              <a:rPr lang="en-US" smtClean="0"/>
              <a:t>‹#›</a:t>
            </a:fld>
            <a:endParaRPr lang="en-US"/>
          </a:p>
        </p:txBody>
      </p:sp>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64096"/>
          </a:xfrm>
          <a:prstGeom prst="rect">
            <a:avLst/>
          </a:prstGeom>
        </p:spPr>
      </p:pic>
      <p:sp>
        <p:nvSpPr>
          <p:cNvPr id="7" name="Title 1"/>
          <p:cNvSpPr>
            <a:spLocks noGrp="1"/>
          </p:cNvSpPr>
          <p:nvPr>
            <p:ph type="title"/>
          </p:nvPr>
        </p:nvSpPr>
        <p:spPr>
          <a:xfrm>
            <a:off x="5971592" y="1709738"/>
            <a:ext cx="6092890" cy="2852737"/>
          </a:xfrm>
        </p:spPr>
        <p:txBody>
          <a:bodyPr anchor="b"/>
          <a:lstStyle>
            <a:lvl1pPr>
              <a:defRPr sz="6000">
                <a:latin typeface="Trebuchet MS" panose="020B0603020202020204" pitchFamily="34" charset="0"/>
              </a:defRPr>
            </a:lvl1pPr>
          </a:lstStyle>
          <a:p>
            <a:r>
              <a:rPr lang="en-US"/>
              <a:t>Click to edit Master title style</a:t>
            </a:r>
          </a:p>
        </p:txBody>
      </p:sp>
      <p:sp>
        <p:nvSpPr>
          <p:cNvPr id="8" name="Text Placeholder 2"/>
          <p:cNvSpPr>
            <a:spLocks noGrp="1"/>
          </p:cNvSpPr>
          <p:nvPr>
            <p:ph type="body" idx="1"/>
          </p:nvPr>
        </p:nvSpPr>
        <p:spPr>
          <a:xfrm>
            <a:off x="5971592" y="4589463"/>
            <a:ext cx="6092890" cy="1500187"/>
          </a:xfrm>
        </p:spPr>
        <p:txBody>
          <a:bodyPr/>
          <a:lstStyle>
            <a:lvl1pPr marL="0" indent="0">
              <a:buNone/>
              <a:defRPr sz="2400">
                <a:solidFill>
                  <a:srgbClr val="C3C4C0"/>
                </a:solidFill>
                <a:latin typeface="Trebuchet MS" panose="020B0603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Tree>
    <p:extLst>
      <p:ext uri="{BB962C8B-B14F-4D97-AF65-F5344CB8AC3E}">
        <p14:creationId xmlns:p14="http://schemas.microsoft.com/office/powerpoint/2010/main" val="51152298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Light Blue Transition Sl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83B4790-CDFA-4986-9587-5A3A9AF404C6}" type="datetimeFigureOut">
              <a:rPr lang="en-US" smtClean="0"/>
              <a:t>11/16/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BC4BB82-2418-4D35-9A7E-6ED0E6E63174}" type="slidenum">
              <a:rPr lang="en-US" smtClean="0"/>
              <a:t>‹#›</a:t>
            </a:fld>
            <a:endParaRPr lang="en-US"/>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78573"/>
          </a:xfrm>
          <a:prstGeom prst="rect">
            <a:avLst/>
          </a:prstGeom>
        </p:spPr>
      </p:pic>
      <p:sp>
        <p:nvSpPr>
          <p:cNvPr id="7" name="Title 1"/>
          <p:cNvSpPr>
            <a:spLocks noGrp="1"/>
          </p:cNvSpPr>
          <p:nvPr>
            <p:ph type="title"/>
          </p:nvPr>
        </p:nvSpPr>
        <p:spPr>
          <a:xfrm>
            <a:off x="5971592" y="1709738"/>
            <a:ext cx="6092890" cy="2852737"/>
          </a:xfrm>
        </p:spPr>
        <p:txBody>
          <a:bodyPr anchor="b"/>
          <a:lstStyle>
            <a:lvl1pPr>
              <a:defRPr sz="6000">
                <a:latin typeface="Trebuchet MS" panose="020B0603020202020204" pitchFamily="34" charset="0"/>
              </a:defRPr>
            </a:lvl1pPr>
          </a:lstStyle>
          <a:p>
            <a:r>
              <a:rPr lang="en-US"/>
              <a:t>Click to edit Master title style</a:t>
            </a:r>
          </a:p>
        </p:txBody>
      </p:sp>
      <p:sp>
        <p:nvSpPr>
          <p:cNvPr id="8" name="Text Placeholder 2"/>
          <p:cNvSpPr>
            <a:spLocks noGrp="1"/>
          </p:cNvSpPr>
          <p:nvPr>
            <p:ph type="body" idx="1"/>
          </p:nvPr>
        </p:nvSpPr>
        <p:spPr>
          <a:xfrm>
            <a:off x="5971592" y="4589463"/>
            <a:ext cx="6092890" cy="1500187"/>
          </a:xfrm>
        </p:spPr>
        <p:txBody>
          <a:bodyPr/>
          <a:lstStyle>
            <a:lvl1pPr marL="0" indent="0">
              <a:buNone/>
              <a:defRPr sz="2400">
                <a:solidFill>
                  <a:srgbClr val="C3C4C0"/>
                </a:solidFill>
                <a:latin typeface="Trebuchet MS" panose="020B0603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Tree>
    <p:extLst>
      <p:ext uri="{BB962C8B-B14F-4D97-AF65-F5344CB8AC3E}">
        <p14:creationId xmlns:p14="http://schemas.microsoft.com/office/powerpoint/2010/main" val="231463726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atin typeface="Trebuchet MS" panose="020B0603020202020204" pitchFamily="34" charset="0"/>
              </a:defRPr>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atin typeface="Trebuchet MS" panose="020B0603020202020204" pitchFamily="34" charset="0"/>
              </a:defRPr>
            </a:lvl1pPr>
            <a:lvl2pPr>
              <a:defRPr sz="2800">
                <a:latin typeface="Trebuchet MS" panose="020B0603020202020204" pitchFamily="34" charset="0"/>
              </a:defRPr>
            </a:lvl2pPr>
            <a:lvl3pPr>
              <a:defRPr sz="2400">
                <a:latin typeface="Trebuchet MS" panose="020B0603020202020204" pitchFamily="34" charset="0"/>
              </a:defRPr>
            </a:lvl3pPr>
            <a:lvl4pPr>
              <a:defRPr sz="2000">
                <a:latin typeface="Trebuchet MS" panose="020B0603020202020204" pitchFamily="34" charset="0"/>
              </a:defRPr>
            </a:lvl4pPr>
            <a:lvl5pPr>
              <a:defRPr sz="2000">
                <a:latin typeface="Trebuchet MS" panose="020B0603020202020204" pitchFamily="34" charset="0"/>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atin typeface="Trebuchet MS" panose="020B0603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221097" y="6125954"/>
            <a:ext cx="1664044" cy="460792"/>
          </a:xfrm>
          <a:prstGeom prst="rect">
            <a:avLst/>
          </a:prstGeom>
        </p:spPr>
      </p:pic>
      <p:cxnSp>
        <p:nvCxnSpPr>
          <p:cNvPr id="9" name="Straight Connector 8"/>
          <p:cNvCxnSpPr/>
          <p:nvPr userDrawn="1"/>
        </p:nvCxnSpPr>
        <p:spPr>
          <a:xfrm>
            <a:off x="494270" y="6356350"/>
            <a:ext cx="9605319" cy="0"/>
          </a:xfrm>
          <a:prstGeom prst="line">
            <a:avLst/>
          </a:prstGeom>
          <a:ln>
            <a:solidFill>
              <a:srgbClr val="C3C4C0"/>
            </a:solidFill>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175059501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atin typeface="Trebuchet MS" panose="020B0603020202020204" pitchFamily="34" charset="0"/>
              </a:defRPr>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atin typeface="Trebuchet MS" panose="020B0603020202020204" pitchFamily="34" charset="0"/>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atin typeface="Trebuchet MS" panose="020B0603020202020204" pitchFamily="34"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221097" y="6125954"/>
            <a:ext cx="1664044" cy="460792"/>
          </a:xfrm>
          <a:prstGeom prst="rect">
            <a:avLst/>
          </a:prstGeom>
        </p:spPr>
      </p:pic>
      <p:cxnSp>
        <p:nvCxnSpPr>
          <p:cNvPr id="9" name="Straight Connector 8"/>
          <p:cNvCxnSpPr/>
          <p:nvPr userDrawn="1"/>
        </p:nvCxnSpPr>
        <p:spPr>
          <a:xfrm>
            <a:off x="494270" y="6356350"/>
            <a:ext cx="9605319" cy="0"/>
          </a:xfrm>
          <a:prstGeom prst="line">
            <a:avLst/>
          </a:prstGeom>
          <a:ln>
            <a:solidFill>
              <a:srgbClr val="C3C4C0"/>
            </a:solidFill>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25308537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Trebuchet MS" panose="020B0603020202020204" pitchFamily="34" charset="0"/>
              </a:defRPr>
            </a:lvl1pPr>
          </a:lstStyle>
          <a:p>
            <a:r>
              <a:rPr lang="en-US"/>
              <a:t>Click to edit Master title style</a:t>
            </a:r>
          </a:p>
        </p:txBody>
      </p:sp>
      <p:sp>
        <p:nvSpPr>
          <p:cNvPr id="3" name="Vertical Text Placeholder 2"/>
          <p:cNvSpPr>
            <a:spLocks noGrp="1"/>
          </p:cNvSpPr>
          <p:nvPr>
            <p:ph type="body" orient="vert" idx="1"/>
          </p:nvPr>
        </p:nvSpPr>
        <p:spPr>
          <a:xfrm>
            <a:off x="838200" y="1825625"/>
            <a:ext cx="10515600" cy="4212710"/>
          </a:xfrm>
        </p:spPr>
        <p:txBody>
          <a:bodyPr vert="eaVert"/>
          <a:lstStyle>
            <a:lvl1pPr>
              <a:defRPr>
                <a:latin typeface="Trebuchet MS" panose="020B0603020202020204" pitchFamily="34" charset="0"/>
              </a:defRPr>
            </a:lvl1pPr>
            <a:lvl2pPr>
              <a:defRPr>
                <a:latin typeface="Trebuchet MS" panose="020B0603020202020204" pitchFamily="34" charset="0"/>
              </a:defRPr>
            </a:lvl2pPr>
            <a:lvl3pPr>
              <a:defRPr>
                <a:latin typeface="Trebuchet MS" panose="020B0603020202020204" pitchFamily="34" charset="0"/>
              </a:defRPr>
            </a:lvl3pPr>
            <a:lvl4pPr>
              <a:defRPr>
                <a:latin typeface="Trebuchet MS" panose="020B0603020202020204" pitchFamily="34" charset="0"/>
              </a:defRPr>
            </a:lvl4pPr>
            <a:lvl5pPr>
              <a:defRPr>
                <a:latin typeface="Trebuchet MS" panose="020B060302020202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221097" y="6125954"/>
            <a:ext cx="1664044" cy="460792"/>
          </a:xfrm>
          <a:prstGeom prst="rect">
            <a:avLst/>
          </a:prstGeom>
        </p:spPr>
      </p:pic>
      <p:cxnSp>
        <p:nvCxnSpPr>
          <p:cNvPr id="8" name="Straight Connector 7"/>
          <p:cNvCxnSpPr/>
          <p:nvPr userDrawn="1"/>
        </p:nvCxnSpPr>
        <p:spPr>
          <a:xfrm>
            <a:off x="494270" y="6356350"/>
            <a:ext cx="9605319" cy="0"/>
          </a:xfrm>
          <a:prstGeom prst="line">
            <a:avLst/>
          </a:prstGeom>
          <a:ln>
            <a:solidFill>
              <a:srgbClr val="C3C4C0"/>
            </a:solidFill>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234014557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760829"/>
          </a:xfrm>
        </p:spPr>
        <p:txBody>
          <a:bodyPr vert="eaVert"/>
          <a:lstStyle>
            <a:lvl1pPr>
              <a:defRPr>
                <a:latin typeface="Trebuchet MS" panose="020B0603020202020204" pitchFamily="34" charset="0"/>
              </a:defRPr>
            </a:lvl1pPr>
          </a:lstStyle>
          <a:p>
            <a:r>
              <a:rPr lang="en-US"/>
              <a:t>Click to edit Master title style</a:t>
            </a:r>
          </a:p>
        </p:txBody>
      </p:sp>
      <p:sp>
        <p:nvSpPr>
          <p:cNvPr id="3" name="Vertical Text Placeholder 2"/>
          <p:cNvSpPr>
            <a:spLocks noGrp="1"/>
          </p:cNvSpPr>
          <p:nvPr>
            <p:ph type="body" orient="vert" idx="1"/>
          </p:nvPr>
        </p:nvSpPr>
        <p:spPr>
          <a:xfrm>
            <a:off x="838200" y="365125"/>
            <a:ext cx="7734300" cy="5760829"/>
          </a:xfrm>
        </p:spPr>
        <p:txBody>
          <a:bodyPr vert="eaVert"/>
          <a:lstStyle>
            <a:lvl1pPr>
              <a:defRPr>
                <a:latin typeface="Trebuchet MS" panose="020B0603020202020204" pitchFamily="34" charset="0"/>
              </a:defRPr>
            </a:lvl1pPr>
            <a:lvl2pPr>
              <a:defRPr>
                <a:latin typeface="Trebuchet MS" panose="020B0603020202020204" pitchFamily="34" charset="0"/>
              </a:defRPr>
            </a:lvl2pPr>
            <a:lvl3pPr>
              <a:defRPr>
                <a:latin typeface="Trebuchet MS" panose="020B0603020202020204" pitchFamily="34" charset="0"/>
              </a:defRPr>
            </a:lvl3pPr>
            <a:lvl4pPr>
              <a:defRPr>
                <a:latin typeface="Trebuchet MS" panose="020B0603020202020204" pitchFamily="34" charset="0"/>
              </a:defRPr>
            </a:lvl4pPr>
            <a:lvl5pPr>
              <a:defRPr>
                <a:latin typeface="Trebuchet MS" panose="020B060302020202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221097" y="6125954"/>
            <a:ext cx="1664044" cy="460792"/>
          </a:xfrm>
          <a:prstGeom prst="rect">
            <a:avLst/>
          </a:prstGeom>
        </p:spPr>
      </p:pic>
      <p:cxnSp>
        <p:nvCxnSpPr>
          <p:cNvPr id="8" name="Straight Connector 7"/>
          <p:cNvCxnSpPr/>
          <p:nvPr userDrawn="1"/>
        </p:nvCxnSpPr>
        <p:spPr>
          <a:xfrm>
            <a:off x="494270" y="6356350"/>
            <a:ext cx="9605319" cy="0"/>
          </a:xfrm>
          <a:prstGeom prst="line">
            <a:avLst/>
          </a:prstGeom>
          <a:ln>
            <a:solidFill>
              <a:srgbClr val="C3C4C0"/>
            </a:solidFill>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255322077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4_Section Header">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90A8A10C-97DF-5898-B313-B7D16DE002B0}"/>
              </a:ext>
            </a:extLst>
          </p:cNvPr>
          <p:cNvSpPr/>
          <p:nvPr userDrawn="1"/>
        </p:nvSpPr>
        <p:spPr>
          <a:xfrm>
            <a:off x="0" y="1"/>
            <a:ext cx="12192000" cy="1455938"/>
          </a:xfrm>
          <a:prstGeom prst="rect">
            <a:avLst/>
          </a:prstGeom>
          <a:solidFill>
            <a:srgbClr val="147BD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a:extLst>
              <a:ext uri="{FF2B5EF4-FFF2-40B4-BE49-F238E27FC236}">
                <a16:creationId xmlns:a16="http://schemas.microsoft.com/office/drawing/2014/main" id="{97D7A873-7781-3154-C252-E0BA4178B278}"/>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50001"/>
          <a:stretch/>
        </p:blipFill>
        <p:spPr>
          <a:xfrm>
            <a:off x="1" y="0"/>
            <a:ext cx="691864" cy="1455939"/>
          </a:xfrm>
          <a:prstGeom prst="rect">
            <a:avLst/>
          </a:prstGeom>
        </p:spPr>
      </p:pic>
      <p:sp>
        <p:nvSpPr>
          <p:cNvPr id="12" name="Content Placeholder 2">
            <a:extLst>
              <a:ext uri="{FF2B5EF4-FFF2-40B4-BE49-F238E27FC236}">
                <a16:creationId xmlns:a16="http://schemas.microsoft.com/office/drawing/2014/main" id="{6AE53707-5CB9-477F-B609-EC394AAB541E}"/>
              </a:ext>
            </a:extLst>
          </p:cNvPr>
          <p:cNvSpPr>
            <a:spLocks noGrp="1"/>
          </p:cNvSpPr>
          <p:nvPr>
            <p:ph idx="1" hasCustomPrompt="1"/>
          </p:nvPr>
        </p:nvSpPr>
        <p:spPr>
          <a:xfrm>
            <a:off x="838200" y="1825626"/>
            <a:ext cx="10515600" cy="4212710"/>
          </a:xfrm>
        </p:spPr>
        <p:txBody>
          <a:bodyPr>
            <a:normAutofit/>
          </a:bodyPr>
          <a:lstStyle>
            <a:lvl1pPr marL="457200" indent="-457200">
              <a:buFont typeface="Wingdings" panose="05000000000000000000" pitchFamily="2" charset="2"/>
              <a:buChar char="§"/>
              <a:defRPr sz="2400">
                <a:solidFill>
                  <a:srgbClr val="646566"/>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46566"/>
                </a:solidFill>
                <a:latin typeface="Tahoma" panose="020B0604030504040204" pitchFamily="34" charset="0"/>
                <a:ea typeface="Tahoma" panose="020B0604030504040204" pitchFamily="34" charset="0"/>
                <a:cs typeface="Tahoma" panose="020B060403050404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r>
              <a:rPr lang="en-US"/>
              <a:t>Bullet Points</a:t>
            </a:r>
          </a:p>
          <a:p>
            <a:r>
              <a:rPr lang="en-US"/>
              <a:t>2</a:t>
            </a:r>
          </a:p>
          <a:p>
            <a:pPr lvl="1"/>
            <a:r>
              <a:rPr lang="en-US"/>
              <a:t>Sub</a:t>
            </a:r>
          </a:p>
          <a:p>
            <a:pPr lvl="1"/>
            <a:r>
              <a:rPr lang="en-US"/>
              <a:t>Sub</a:t>
            </a:r>
          </a:p>
          <a:p>
            <a:r>
              <a:rPr lang="en-US"/>
              <a:t>3</a:t>
            </a:r>
          </a:p>
          <a:p>
            <a:r>
              <a:rPr lang="en-US"/>
              <a:t>4</a:t>
            </a:r>
          </a:p>
          <a:p>
            <a:r>
              <a:rPr lang="en-US"/>
              <a:t>5</a:t>
            </a:r>
          </a:p>
          <a:p>
            <a:pPr lvl="1"/>
            <a:r>
              <a:rPr lang="en-US"/>
              <a:t>Sub</a:t>
            </a:r>
          </a:p>
          <a:p>
            <a:pPr lvl="1"/>
            <a:r>
              <a:rPr lang="en-US"/>
              <a:t>Sub</a:t>
            </a:r>
          </a:p>
          <a:p>
            <a:r>
              <a:rPr lang="en-US"/>
              <a:t>6 Max</a:t>
            </a:r>
          </a:p>
        </p:txBody>
      </p:sp>
      <p:sp>
        <p:nvSpPr>
          <p:cNvPr id="10" name="Title 1">
            <a:extLst>
              <a:ext uri="{FF2B5EF4-FFF2-40B4-BE49-F238E27FC236}">
                <a16:creationId xmlns:a16="http://schemas.microsoft.com/office/drawing/2014/main" id="{4D57FA7E-5E5C-40BD-9409-7729D23571C6}"/>
              </a:ext>
            </a:extLst>
          </p:cNvPr>
          <p:cNvSpPr>
            <a:spLocks noGrp="1"/>
          </p:cNvSpPr>
          <p:nvPr>
            <p:ph type="ctrTitle"/>
          </p:nvPr>
        </p:nvSpPr>
        <p:spPr>
          <a:xfrm>
            <a:off x="838200" y="238679"/>
            <a:ext cx="9054830" cy="978581"/>
          </a:xfrm>
        </p:spPr>
        <p:txBody>
          <a:bodyPr>
            <a:normAutofit/>
          </a:bodyPr>
          <a:lstStyle>
            <a:lvl1pPr>
              <a:defRPr>
                <a:solidFill>
                  <a:schemeClr val="bg1"/>
                </a:solidFill>
              </a:defRPr>
            </a:lvl1pPr>
          </a:lstStyle>
          <a:p>
            <a:endParaRPr lang="en-US"/>
          </a:p>
        </p:txBody>
      </p:sp>
    </p:spTree>
    <p:extLst>
      <p:ext uri="{BB962C8B-B14F-4D97-AF65-F5344CB8AC3E}">
        <p14:creationId xmlns:p14="http://schemas.microsoft.com/office/powerpoint/2010/main" val="219144888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 preserve="1">
  <p:cSld name="2_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32861" y="2741847"/>
            <a:ext cx="7422292" cy="1374306"/>
          </a:xfrm>
        </p:spPr>
        <p:txBody>
          <a:bodyPr anchor="b"/>
          <a:lstStyle>
            <a:lvl1pPr algn="ctr">
              <a:defRPr sz="6000">
                <a:solidFill>
                  <a:srgbClr val="646566"/>
                </a:solidFill>
                <a:latin typeface="Tahoma" panose="020B0604030504040204" pitchFamily="34" charset="0"/>
                <a:ea typeface="Tahoma" panose="020B0604030504040204" pitchFamily="34" charset="0"/>
                <a:cs typeface="Tahoma" panose="020B0604030504040204" pitchFamily="34" charset="0"/>
              </a:defRPr>
            </a:lvl1pPr>
          </a:lstStyle>
          <a:p>
            <a:r>
              <a:rPr lang="en-US"/>
              <a:t>Start &amp; End Title Slide</a:t>
            </a:r>
          </a:p>
        </p:txBody>
      </p:sp>
      <p:sp>
        <p:nvSpPr>
          <p:cNvPr id="5" name="Rectangle 4">
            <a:extLst>
              <a:ext uri="{FF2B5EF4-FFF2-40B4-BE49-F238E27FC236}">
                <a16:creationId xmlns:a16="http://schemas.microsoft.com/office/drawing/2014/main" id="{8FC441D1-7667-4CC9-81D1-0168AD4D3ADA}"/>
              </a:ext>
            </a:extLst>
          </p:cNvPr>
          <p:cNvSpPr/>
          <p:nvPr userDrawn="1"/>
        </p:nvSpPr>
        <p:spPr>
          <a:xfrm>
            <a:off x="8902931" y="5353098"/>
            <a:ext cx="3025833" cy="105571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ubtitle 2"/>
          <p:cNvSpPr>
            <a:spLocks noGrp="1"/>
          </p:cNvSpPr>
          <p:nvPr>
            <p:ph type="subTitle" idx="1"/>
          </p:nvPr>
        </p:nvSpPr>
        <p:spPr>
          <a:xfrm>
            <a:off x="4032861" y="4116153"/>
            <a:ext cx="7422292" cy="1655762"/>
          </a:xfrm>
        </p:spPr>
        <p:txBody>
          <a:bodyPr/>
          <a:lstStyle>
            <a:lvl1pPr marL="0" indent="0" algn="ctr">
              <a:buNone/>
              <a:defRPr sz="2400">
                <a:solidFill>
                  <a:srgbClr val="C3C4C0"/>
                </a:solidFill>
                <a:latin typeface="Tahoma" panose="020B0604030504040204" pitchFamily="34" charset="0"/>
                <a:ea typeface="Tahoma" panose="020B0604030504040204" pitchFamily="34" charset="0"/>
                <a:cs typeface="Tahoma" panose="020B060403050404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pic>
        <p:nvPicPr>
          <p:cNvPr id="6" name="Picture 5" descr="Text&#10;&#10;Description automatically generated">
            <a:extLst>
              <a:ext uri="{FF2B5EF4-FFF2-40B4-BE49-F238E27FC236}">
                <a16:creationId xmlns:a16="http://schemas.microsoft.com/office/drawing/2014/main" id="{19034145-D8DE-48BF-B54E-BAEE88D059E7}"/>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13284" r="71820"/>
          <a:stretch/>
        </p:blipFill>
        <p:spPr>
          <a:xfrm>
            <a:off x="0" y="0"/>
            <a:ext cx="3695926" cy="6870625"/>
          </a:xfrm>
          <a:prstGeom prst="rect">
            <a:avLst/>
          </a:prstGeom>
        </p:spPr>
      </p:pic>
    </p:spTree>
    <p:extLst>
      <p:ext uri="{BB962C8B-B14F-4D97-AF65-F5344CB8AC3E}">
        <p14:creationId xmlns:p14="http://schemas.microsoft.com/office/powerpoint/2010/main" val="127158025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4_Section Header">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90A8A10C-97DF-5898-B313-B7D16DE002B0}"/>
              </a:ext>
            </a:extLst>
          </p:cNvPr>
          <p:cNvSpPr/>
          <p:nvPr userDrawn="1"/>
        </p:nvSpPr>
        <p:spPr>
          <a:xfrm>
            <a:off x="0" y="1"/>
            <a:ext cx="12192000" cy="1455938"/>
          </a:xfrm>
          <a:prstGeom prst="rect">
            <a:avLst/>
          </a:prstGeom>
          <a:solidFill>
            <a:srgbClr val="147BD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a:extLst>
              <a:ext uri="{FF2B5EF4-FFF2-40B4-BE49-F238E27FC236}">
                <a16:creationId xmlns:a16="http://schemas.microsoft.com/office/drawing/2014/main" id="{97D7A873-7781-3154-C252-E0BA4178B278}"/>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50001"/>
          <a:stretch/>
        </p:blipFill>
        <p:spPr>
          <a:xfrm>
            <a:off x="1" y="0"/>
            <a:ext cx="691864" cy="1455939"/>
          </a:xfrm>
          <a:prstGeom prst="rect">
            <a:avLst/>
          </a:prstGeom>
        </p:spPr>
      </p:pic>
      <p:sp>
        <p:nvSpPr>
          <p:cNvPr id="12" name="Content Placeholder 2">
            <a:extLst>
              <a:ext uri="{FF2B5EF4-FFF2-40B4-BE49-F238E27FC236}">
                <a16:creationId xmlns:a16="http://schemas.microsoft.com/office/drawing/2014/main" id="{6AE53707-5CB9-477F-B609-EC394AAB541E}"/>
              </a:ext>
            </a:extLst>
          </p:cNvPr>
          <p:cNvSpPr>
            <a:spLocks noGrp="1"/>
          </p:cNvSpPr>
          <p:nvPr>
            <p:ph idx="1" hasCustomPrompt="1"/>
          </p:nvPr>
        </p:nvSpPr>
        <p:spPr>
          <a:xfrm>
            <a:off x="838200" y="1825626"/>
            <a:ext cx="10515600" cy="4212710"/>
          </a:xfrm>
        </p:spPr>
        <p:txBody>
          <a:bodyPr>
            <a:normAutofit/>
          </a:bodyPr>
          <a:lstStyle>
            <a:lvl1pPr marL="457200" indent="-457200">
              <a:buFont typeface="Wingdings" panose="05000000000000000000" pitchFamily="2" charset="2"/>
              <a:buChar char="§"/>
              <a:defRPr sz="2400">
                <a:solidFill>
                  <a:srgbClr val="646566"/>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46566"/>
                </a:solidFill>
                <a:latin typeface="Tahoma" panose="020B0604030504040204" pitchFamily="34" charset="0"/>
                <a:ea typeface="Tahoma" panose="020B0604030504040204" pitchFamily="34" charset="0"/>
                <a:cs typeface="Tahoma" panose="020B060403050404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r>
              <a:rPr lang="en-US"/>
              <a:t>Bullet Points</a:t>
            </a:r>
          </a:p>
          <a:p>
            <a:r>
              <a:rPr lang="en-US"/>
              <a:t>2</a:t>
            </a:r>
          </a:p>
          <a:p>
            <a:pPr lvl="1"/>
            <a:r>
              <a:rPr lang="en-US"/>
              <a:t>Sub</a:t>
            </a:r>
          </a:p>
          <a:p>
            <a:pPr lvl="1"/>
            <a:r>
              <a:rPr lang="en-US"/>
              <a:t>Sub</a:t>
            </a:r>
          </a:p>
          <a:p>
            <a:r>
              <a:rPr lang="en-US"/>
              <a:t>3</a:t>
            </a:r>
          </a:p>
          <a:p>
            <a:r>
              <a:rPr lang="en-US"/>
              <a:t>4</a:t>
            </a:r>
          </a:p>
          <a:p>
            <a:r>
              <a:rPr lang="en-US"/>
              <a:t>5</a:t>
            </a:r>
          </a:p>
          <a:p>
            <a:pPr lvl="1"/>
            <a:r>
              <a:rPr lang="en-US"/>
              <a:t>Sub</a:t>
            </a:r>
          </a:p>
          <a:p>
            <a:pPr lvl="1"/>
            <a:r>
              <a:rPr lang="en-US"/>
              <a:t>Sub</a:t>
            </a:r>
          </a:p>
          <a:p>
            <a:r>
              <a:rPr lang="en-US"/>
              <a:t>6 Max</a:t>
            </a:r>
          </a:p>
        </p:txBody>
      </p:sp>
      <p:sp>
        <p:nvSpPr>
          <p:cNvPr id="10" name="Title 1">
            <a:extLst>
              <a:ext uri="{FF2B5EF4-FFF2-40B4-BE49-F238E27FC236}">
                <a16:creationId xmlns:a16="http://schemas.microsoft.com/office/drawing/2014/main" id="{4D57FA7E-5E5C-40BD-9409-7729D23571C6}"/>
              </a:ext>
            </a:extLst>
          </p:cNvPr>
          <p:cNvSpPr>
            <a:spLocks noGrp="1"/>
          </p:cNvSpPr>
          <p:nvPr>
            <p:ph type="ctrTitle"/>
          </p:nvPr>
        </p:nvSpPr>
        <p:spPr>
          <a:xfrm>
            <a:off x="838200" y="238679"/>
            <a:ext cx="9054830" cy="978581"/>
          </a:xfrm>
        </p:spPr>
        <p:txBody>
          <a:bodyPr>
            <a:normAutofit/>
          </a:bodyPr>
          <a:lstStyle>
            <a:lvl1pPr>
              <a:defRPr>
                <a:solidFill>
                  <a:schemeClr val="bg1"/>
                </a:solidFill>
              </a:defRPr>
            </a:lvl1pPr>
          </a:lstStyle>
          <a:p>
            <a:endParaRPr lang="en-US"/>
          </a:p>
        </p:txBody>
      </p:sp>
    </p:spTree>
    <p:extLst>
      <p:ext uri="{BB962C8B-B14F-4D97-AF65-F5344CB8AC3E}">
        <p14:creationId xmlns:p14="http://schemas.microsoft.com/office/powerpoint/2010/main" val="315044901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8_Section Header">
    <p:spTree>
      <p:nvGrpSpPr>
        <p:cNvPr id="1" name=""/>
        <p:cNvGrpSpPr/>
        <p:nvPr/>
      </p:nvGrpSpPr>
      <p:grpSpPr>
        <a:xfrm>
          <a:off x="0" y="0"/>
          <a:ext cx="0" cy="0"/>
          <a:chOff x="0" y="0"/>
          <a:chExt cx="0" cy="0"/>
        </a:xfrm>
      </p:grpSpPr>
      <p:sp>
        <p:nvSpPr>
          <p:cNvPr id="8" name="Content Placeholder 2">
            <a:extLst>
              <a:ext uri="{FF2B5EF4-FFF2-40B4-BE49-F238E27FC236}">
                <a16:creationId xmlns:a16="http://schemas.microsoft.com/office/drawing/2014/main" id="{B4487CBF-E4FD-4A67-B827-B262340E662F}"/>
              </a:ext>
            </a:extLst>
          </p:cNvPr>
          <p:cNvSpPr>
            <a:spLocks noGrp="1"/>
          </p:cNvSpPr>
          <p:nvPr>
            <p:ph sz="half" idx="1" hasCustomPrompt="1"/>
          </p:nvPr>
        </p:nvSpPr>
        <p:spPr>
          <a:xfrm>
            <a:off x="838200" y="1825625"/>
            <a:ext cx="5181600" cy="4237424"/>
          </a:xfrm>
        </p:spPr>
        <p:txBody>
          <a:bodyPr/>
          <a:lstStyle>
            <a:lvl1pPr marL="228600" indent="-228600">
              <a:buFont typeface="Wingdings" panose="05000000000000000000" pitchFamily="2" charset="2"/>
              <a:buChar char="§"/>
              <a:defRPr sz="2400">
                <a:solidFill>
                  <a:srgbClr val="646566"/>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000">
                <a:solidFill>
                  <a:srgbClr val="646566"/>
                </a:solidFill>
                <a:latin typeface="Tahoma" panose="020B0604030504040204" pitchFamily="34" charset="0"/>
                <a:ea typeface="Tahoma" panose="020B0604030504040204" pitchFamily="34" charset="0"/>
                <a:cs typeface="Tahoma" panose="020B0604030504040204" pitchFamily="34" charset="0"/>
              </a:defRPr>
            </a:lvl2pPr>
            <a:lvl3pPr marL="1143000" indent="-228600">
              <a:buFont typeface="Wingdings" panose="05000000000000000000" pitchFamily="2" charset="2"/>
              <a:buChar char="§"/>
              <a:defRPr>
                <a:solidFill>
                  <a:srgbClr val="646566"/>
                </a:solidFill>
                <a:latin typeface="Tahoma" panose="020B0604030504040204" pitchFamily="34" charset="0"/>
                <a:ea typeface="Tahoma" panose="020B0604030504040204" pitchFamily="34" charset="0"/>
                <a:cs typeface="Tahoma" panose="020B0604030504040204" pitchFamily="34" charset="0"/>
              </a:defRPr>
            </a:lvl3pPr>
            <a:lvl4pPr>
              <a:defRPr>
                <a:solidFill>
                  <a:srgbClr val="646566"/>
                </a:solidFill>
                <a:latin typeface="Tahoma" panose="020B0604030504040204" pitchFamily="34" charset="0"/>
                <a:ea typeface="Tahoma" panose="020B0604030504040204" pitchFamily="34" charset="0"/>
                <a:cs typeface="Tahoma" panose="020B0604030504040204" pitchFamily="34" charset="0"/>
              </a:defRPr>
            </a:lvl4pPr>
            <a:lvl5pPr>
              <a:defRPr>
                <a:solidFill>
                  <a:srgbClr val="646566"/>
                </a:solidFill>
                <a:latin typeface="Tahoma" panose="020B0604030504040204" pitchFamily="34" charset="0"/>
                <a:ea typeface="Tahoma" panose="020B0604030504040204" pitchFamily="34" charset="0"/>
                <a:cs typeface="Tahoma" panose="020B0604030504040204" pitchFamily="34" charset="0"/>
              </a:defRPr>
            </a:lvl5pPr>
          </a:lstStyle>
          <a:p>
            <a:pPr lvl="0"/>
            <a:r>
              <a:rPr lang="en-US"/>
              <a:t>Edit Master text styles</a:t>
            </a:r>
          </a:p>
          <a:p>
            <a:pPr lvl="1"/>
            <a:r>
              <a:rPr lang="en-US"/>
              <a:t>Second level</a:t>
            </a:r>
          </a:p>
          <a:p>
            <a:pPr lvl="2"/>
            <a:r>
              <a:rPr lang="en-US"/>
              <a:t>Third level</a:t>
            </a:r>
          </a:p>
        </p:txBody>
      </p:sp>
      <p:sp>
        <p:nvSpPr>
          <p:cNvPr id="9" name="Content Placeholder 3">
            <a:extLst>
              <a:ext uri="{FF2B5EF4-FFF2-40B4-BE49-F238E27FC236}">
                <a16:creationId xmlns:a16="http://schemas.microsoft.com/office/drawing/2014/main" id="{5A874D0A-FFE7-4BF8-84BA-A75B827DF6A2}"/>
              </a:ext>
            </a:extLst>
          </p:cNvPr>
          <p:cNvSpPr>
            <a:spLocks noGrp="1"/>
          </p:cNvSpPr>
          <p:nvPr>
            <p:ph sz="half" idx="2" hasCustomPrompt="1"/>
          </p:nvPr>
        </p:nvSpPr>
        <p:spPr>
          <a:xfrm>
            <a:off x="6172200" y="1825625"/>
            <a:ext cx="5181600" cy="4237424"/>
          </a:xfrm>
        </p:spPr>
        <p:txBody>
          <a:bodyPr/>
          <a:lstStyle>
            <a:lvl1pPr marL="228600" indent="-228600">
              <a:buFont typeface="Wingdings" panose="05000000000000000000" pitchFamily="2" charset="2"/>
              <a:buChar char="§"/>
              <a:defRPr sz="2400">
                <a:solidFill>
                  <a:srgbClr val="646566"/>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000">
                <a:solidFill>
                  <a:srgbClr val="646566"/>
                </a:solidFill>
                <a:latin typeface="Tahoma" panose="020B0604030504040204" pitchFamily="34" charset="0"/>
                <a:ea typeface="Tahoma" panose="020B0604030504040204" pitchFamily="34" charset="0"/>
                <a:cs typeface="Tahoma" panose="020B0604030504040204" pitchFamily="34" charset="0"/>
              </a:defRPr>
            </a:lvl2pPr>
            <a:lvl3pPr marL="1143000" indent="-228600">
              <a:buFont typeface="Wingdings" panose="05000000000000000000" pitchFamily="2" charset="2"/>
              <a:buChar char="§"/>
              <a:defRPr>
                <a:solidFill>
                  <a:srgbClr val="646566"/>
                </a:solidFill>
                <a:latin typeface="Tahoma" panose="020B0604030504040204" pitchFamily="34" charset="0"/>
                <a:ea typeface="Tahoma" panose="020B0604030504040204" pitchFamily="34" charset="0"/>
                <a:cs typeface="Tahoma" panose="020B0604030504040204" pitchFamily="34" charset="0"/>
              </a:defRPr>
            </a:lvl3pPr>
            <a:lvl4pPr>
              <a:defRPr>
                <a:solidFill>
                  <a:srgbClr val="646566"/>
                </a:solidFill>
                <a:latin typeface="Tahoma" panose="020B0604030504040204" pitchFamily="34" charset="0"/>
                <a:ea typeface="Tahoma" panose="020B0604030504040204" pitchFamily="34" charset="0"/>
                <a:cs typeface="Tahoma" panose="020B0604030504040204" pitchFamily="34" charset="0"/>
              </a:defRPr>
            </a:lvl4pPr>
            <a:lvl5pPr>
              <a:defRPr>
                <a:solidFill>
                  <a:srgbClr val="646566"/>
                </a:solidFill>
                <a:latin typeface="Tahoma" panose="020B0604030504040204" pitchFamily="34" charset="0"/>
                <a:ea typeface="Tahoma" panose="020B0604030504040204" pitchFamily="34" charset="0"/>
                <a:cs typeface="Tahoma" panose="020B0604030504040204" pitchFamily="34" charset="0"/>
              </a:defRPr>
            </a:lvl5pPr>
          </a:lstStyle>
          <a:p>
            <a:pPr lvl="0"/>
            <a:r>
              <a:rPr lang="en-US"/>
              <a:t>Edit Master text styles</a:t>
            </a:r>
          </a:p>
          <a:p>
            <a:pPr lvl="1"/>
            <a:r>
              <a:rPr lang="en-US"/>
              <a:t>Second level</a:t>
            </a:r>
          </a:p>
          <a:p>
            <a:pPr lvl="2"/>
            <a:r>
              <a:rPr lang="en-US"/>
              <a:t>Third level</a:t>
            </a:r>
          </a:p>
        </p:txBody>
      </p:sp>
      <p:sp>
        <p:nvSpPr>
          <p:cNvPr id="10" name="Rectangle 9">
            <a:extLst>
              <a:ext uri="{FF2B5EF4-FFF2-40B4-BE49-F238E27FC236}">
                <a16:creationId xmlns:a16="http://schemas.microsoft.com/office/drawing/2014/main" id="{28513BA7-ABAB-4BA6-9FC8-285AB9B79879}"/>
              </a:ext>
            </a:extLst>
          </p:cNvPr>
          <p:cNvSpPr/>
          <p:nvPr userDrawn="1"/>
        </p:nvSpPr>
        <p:spPr>
          <a:xfrm>
            <a:off x="0" y="1"/>
            <a:ext cx="12192000" cy="1455938"/>
          </a:xfrm>
          <a:prstGeom prst="rect">
            <a:avLst/>
          </a:prstGeom>
          <a:solidFill>
            <a:srgbClr val="147BD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2CB1532B-198B-4DA8-A36F-831554A1FA75}"/>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50001"/>
          <a:stretch/>
        </p:blipFill>
        <p:spPr>
          <a:xfrm>
            <a:off x="1" y="0"/>
            <a:ext cx="691864" cy="1455939"/>
          </a:xfrm>
          <a:prstGeom prst="rect">
            <a:avLst/>
          </a:prstGeom>
        </p:spPr>
      </p:pic>
      <p:sp>
        <p:nvSpPr>
          <p:cNvPr id="7" name="Title 1">
            <a:extLst>
              <a:ext uri="{FF2B5EF4-FFF2-40B4-BE49-F238E27FC236}">
                <a16:creationId xmlns:a16="http://schemas.microsoft.com/office/drawing/2014/main" id="{140ED970-A53B-468B-B331-C6E14423497C}"/>
              </a:ext>
            </a:extLst>
          </p:cNvPr>
          <p:cNvSpPr>
            <a:spLocks noGrp="1"/>
          </p:cNvSpPr>
          <p:nvPr>
            <p:ph type="ctrTitle"/>
          </p:nvPr>
        </p:nvSpPr>
        <p:spPr>
          <a:xfrm>
            <a:off x="838200" y="238679"/>
            <a:ext cx="9054830" cy="978581"/>
          </a:xfrm>
        </p:spPr>
        <p:txBody>
          <a:bodyPr>
            <a:normAutofit/>
          </a:bodyPr>
          <a:lstStyle>
            <a:lvl1pPr>
              <a:defRPr>
                <a:solidFill>
                  <a:schemeClr val="bg1"/>
                </a:solidFill>
              </a:defRPr>
            </a:lvl1pPr>
          </a:lstStyle>
          <a:p>
            <a:endParaRPr lang="en-US"/>
          </a:p>
        </p:txBody>
      </p:sp>
    </p:spTree>
    <p:extLst>
      <p:ext uri="{BB962C8B-B14F-4D97-AF65-F5344CB8AC3E}">
        <p14:creationId xmlns:p14="http://schemas.microsoft.com/office/powerpoint/2010/main" val="54428356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Ending Slide">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ctrTitle"/>
          </p:nvPr>
        </p:nvSpPr>
        <p:spPr>
          <a:xfrm>
            <a:off x="-1" y="1214438"/>
            <a:ext cx="8295503" cy="2387600"/>
          </a:xfrm>
        </p:spPr>
        <p:txBody>
          <a:bodyPr anchor="b"/>
          <a:lstStyle>
            <a:lvl1pPr algn="ctr">
              <a:defRPr sz="6000">
                <a:solidFill>
                  <a:srgbClr val="6C6D70"/>
                </a:solidFill>
                <a:latin typeface="Trebuchet MS" panose="020B0603020202020204" pitchFamily="34" charset="0"/>
              </a:defRPr>
            </a:lvl1pPr>
          </a:lstStyle>
          <a:p>
            <a:r>
              <a:rPr lang="en-US"/>
              <a:t>Click to edit Master title style</a:t>
            </a:r>
          </a:p>
        </p:txBody>
      </p:sp>
      <p:sp>
        <p:nvSpPr>
          <p:cNvPr id="3" name="Subtitle 2"/>
          <p:cNvSpPr>
            <a:spLocks noGrp="1"/>
          </p:cNvSpPr>
          <p:nvPr>
            <p:ph type="subTitle" idx="1"/>
          </p:nvPr>
        </p:nvSpPr>
        <p:spPr>
          <a:xfrm>
            <a:off x="0" y="3628854"/>
            <a:ext cx="8295502" cy="1655762"/>
          </a:xfrm>
        </p:spPr>
        <p:txBody>
          <a:bodyPr/>
          <a:lstStyle>
            <a:lvl1pPr marL="0" indent="0" algn="ctr">
              <a:buNone/>
              <a:defRPr sz="2400">
                <a:solidFill>
                  <a:srgbClr val="C3C4C0"/>
                </a:solidFill>
                <a:latin typeface="Trebuchet MS" panose="020B0603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321946936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A9E27D8C-353B-401C-B111-72ADE3E946E2}"/>
              </a:ext>
            </a:extLst>
          </p:cNvPr>
          <p:cNvSpPr/>
          <p:nvPr userDrawn="1"/>
        </p:nvSpPr>
        <p:spPr>
          <a:xfrm>
            <a:off x="0" y="0"/>
            <a:ext cx="4902926" cy="6858000"/>
          </a:xfrm>
          <a:prstGeom prst="rect">
            <a:avLst/>
          </a:prstGeom>
          <a:solidFill>
            <a:srgbClr val="147BD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itle 1">
            <a:extLst>
              <a:ext uri="{FF2B5EF4-FFF2-40B4-BE49-F238E27FC236}">
                <a16:creationId xmlns:a16="http://schemas.microsoft.com/office/drawing/2014/main" id="{787C99FD-4B33-4036-9832-BBF05A0626F1}"/>
              </a:ext>
            </a:extLst>
          </p:cNvPr>
          <p:cNvSpPr>
            <a:spLocks noGrp="1"/>
          </p:cNvSpPr>
          <p:nvPr>
            <p:ph type="ctrTitle" hasCustomPrompt="1"/>
          </p:nvPr>
        </p:nvSpPr>
        <p:spPr>
          <a:xfrm>
            <a:off x="-1" y="612938"/>
            <a:ext cx="4902927" cy="879448"/>
          </a:xfrm>
        </p:spPr>
        <p:txBody>
          <a:bodyPr anchor="b">
            <a:normAutofit/>
          </a:bodyPr>
          <a:lstStyle>
            <a:lvl1pPr algn="ctr">
              <a:defRPr sz="440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US"/>
              <a:t>Title</a:t>
            </a:r>
          </a:p>
        </p:txBody>
      </p:sp>
      <p:sp>
        <p:nvSpPr>
          <p:cNvPr id="14" name="Content Placeholder 2">
            <a:extLst>
              <a:ext uri="{FF2B5EF4-FFF2-40B4-BE49-F238E27FC236}">
                <a16:creationId xmlns:a16="http://schemas.microsoft.com/office/drawing/2014/main" id="{FADAEA9F-E822-4991-ADA1-26F8D9464D34}"/>
              </a:ext>
            </a:extLst>
          </p:cNvPr>
          <p:cNvSpPr>
            <a:spLocks noGrp="1"/>
          </p:cNvSpPr>
          <p:nvPr>
            <p:ph idx="1" hasCustomPrompt="1"/>
          </p:nvPr>
        </p:nvSpPr>
        <p:spPr>
          <a:xfrm>
            <a:off x="5512526" y="513805"/>
            <a:ext cx="6259286" cy="5860362"/>
          </a:xfrm>
        </p:spPr>
        <p:txBody>
          <a:bodyPr>
            <a:normAutofit/>
          </a:bodyPr>
          <a:lstStyle>
            <a:lvl1pPr marL="457200" indent="-457200">
              <a:buFont typeface="Wingdings" panose="05000000000000000000" pitchFamily="2" charset="2"/>
              <a:buChar char="§"/>
              <a:defRPr sz="2400">
                <a:solidFill>
                  <a:srgbClr val="646566"/>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r>
              <a:rPr lang="en-US"/>
              <a:t>Bullet Points</a:t>
            </a:r>
          </a:p>
          <a:p>
            <a:r>
              <a:rPr lang="en-US"/>
              <a:t>2</a:t>
            </a:r>
          </a:p>
          <a:p>
            <a:r>
              <a:rPr lang="en-US"/>
              <a:t>3</a:t>
            </a:r>
          </a:p>
          <a:p>
            <a:r>
              <a:rPr lang="en-US"/>
              <a:t>4</a:t>
            </a:r>
          </a:p>
          <a:p>
            <a:r>
              <a:rPr lang="en-US"/>
              <a:t>5</a:t>
            </a:r>
          </a:p>
          <a:p>
            <a:r>
              <a:rPr lang="en-US"/>
              <a:t>6 Max</a:t>
            </a:r>
          </a:p>
        </p:txBody>
      </p:sp>
      <p:pic>
        <p:nvPicPr>
          <p:cNvPr id="9" name="Picture 8">
            <a:extLst>
              <a:ext uri="{FF2B5EF4-FFF2-40B4-BE49-F238E27FC236}">
                <a16:creationId xmlns:a16="http://schemas.microsoft.com/office/drawing/2014/main" id="{7DC87E17-9646-4FB5-9F7C-68C322115E0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50001"/>
          <a:stretch/>
        </p:blipFill>
        <p:spPr>
          <a:xfrm>
            <a:off x="0" y="612938"/>
            <a:ext cx="2828355" cy="5951913"/>
          </a:xfrm>
          <a:prstGeom prst="rect">
            <a:avLst/>
          </a:prstGeom>
        </p:spPr>
      </p:pic>
    </p:spTree>
    <p:extLst>
      <p:ext uri="{BB962C8B-B14F-4D97-AF65-F5344CB8AC3E}">
        <p14:creationId xmlns:p14="http://schemas.microsoft.com/office/powerpoint/2010/main" val="286553035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5_Section Header">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A9E27D8C-353B-401C-B111-72ADE3E946E2}"/>
              </a:ext>
            </a:extLst>
          </p:cNvPr>
          <p:cNvSpPr/>
          <p:nvPr userDrawn="1"/>
        </p:nvSpPr>
        <p:spPr>
          <a:xfrm>
            <a:off x="-1" y="0"/>
            <a:ext cx="4902926" cy="6858000"/>
          </a:xfrm>
          <a:prstGeom prst="rect">
            <a:avLst/>
          </a:prstGeom>
          <a:solidFill>
            <a:srgbClr val="147BD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itle 1">
            <a:extLst>
              <a:ext uri="{FF2B5EF4-FFF2-40B4-BE49-F238E27FC236}">
                <a16:creationId xmlns:a16="http://schemas.microsoft.com/office/drawing/2014/main" id="{1C6E0D4A-7933-4636-B6D6-9924977388D3}"/>
              </a:ext>
            </a:extLst>
          </p:cNvPr>
          <p:cNvSpPr>
            <a:spLocks noGrp="1"/>
          </p:cNvSpPr>
          <p:nvPr>
            <p:ph type="ctrTitle" hasCustomPrompt="1"/>
          </p:nvPr>
        </p:nvSpPr>
        <p:spPr>
          <a:xfrm>
            <a:off x="-1" y="612938"/>
            <a:ext cx="4902927" cy="879448"/>
          </a:xfrm>
        </p:spPr>
        <p:txBody>
          <a:bodyPr anchor="b">
            <a:normAutofit/>
          </a:bodyPr>
          <a:lstStyle>
            <a:lvl1pPr algn="ctr">
              <a:defRPr sz="440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US"/>
              <a:t>Title</a:t>
            </a:r>
          </a:p>
        </p:txBody>
      </p:sp>
      <p:sp>
        <p:nvSpPr>
          <p:cNvPr id="13" name="Content Placeholder 2">
            <a:extLst>
              <a:ext uri="{FF2B5EF4-FFF2-40B4-BE49-F238E27FC236}">
                <a16:creationId xmlns:a16="http://schemas.microsoft.com/office/drawing/2014/main" id="{ED98978B-5742-4EEF-8C01-A692936B0821}"/>
              </a:ext>
            </a:extLst>
          </p:cNvPr>
          <p:cNvSpPr>
            <a:spLocks noGrp="1"/>
          </p:cNvSpPr>
          <p:nvPr>
            <p:ph idx="1"/>
          </p:nvPr>
        </p:nvSpPr>
        <p:spPr>
          <a:xfrm>
            <a:off x="5257801" y="2123479"/>
            <a:ext cx="6727372" cy="4441372"/>
          </a:xfrm>
        </p:spPr>
        <p:txBody>
          <a:bodyPr>
            <a:normAutofit/>
          </a:bodyPr>
          <a:lstStyle>
            <a:lvl1pPr marL="457200" indent="-457200">
              <a:buFont typeface="Wingdings" panose="05000000000000000000" pitchFamily="2" charset="2"/>
              <a:buChar char="§"/>
              <a:defRPr sz="2400">
                <a:solidFill>
                  <a:srgbClr val="6C6D70"/>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endParaRPr lang="en-US"/>
          </a:p>
        </p:txBody>
      </p:sp>
      <p:pic>
        <p:nvPicPr>
          <p:cNvPr id="3" name="Picture 2">
            <a:extLst>
              <a:ext uri="{FF2B5EF4-FFF2-40B4-BE49-F238E27FC236}">
                <a16:creationId xmlns:a16="http://schemas.microsoft.com/office/drawing/2014/main" id="{BC83F926-CB28-4EDA-A6DA-B517BC065A08}"/>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50001"/>
          <a:stretch/>
        </p:blipFill>
        <p:spPr>
          <a:xfrm>
            <a:off x="0" y="612938"/>
            <a:ext cx="2828355" cy="5951913"/>
          </a:xfrm>
          <a:prstGeom prst="rect">
            <a:avLst/>
          </a:prstGeom>
        </p:spPr>
      </p:pic>
      <p:sp>
        <p:nvSpPr>
          <p:cNvPr id="11" name="Content Placeholder 2">
            <a:extLst>
              <a:ext uri="{FF2B5EF4-FFF2-40B4-BE49-F238E27FC236}">
                <a16:creationId xmlns:a16="http://schemas.microsoft.com/office/drawing/2014/main" id="{643DCC71-C9C0-49D6-83F4-E93B95D606A1}"/>
              </a:ext>
            </a:extLst>
          </p:cNvPr>
          <p:cNvSpPr>
            <a:spLocks noGrp="1"/>
          </p:cNvSpPr>
          <p:nvPr>
            <p:ph idx="10" hasCustomPrompt="1"/>
          </p:nvPr>
        </p:nvSpPr>
        <p:spPr>
          <a:xfrm>
            <a:off x="5257801" y="513805"/>
            <a:ext cx="6727372" cy="1377139"/>
          </a:xfrm>
        </p:spPr>
        <p:txBody>
          <a:bodyPr>
            <a:normAutofit/>
          </a:bodyPr>
          <a:lstStyle>
            <a:lvl1pPr marL="457200" indent="-457200">
              <a:buFont typeface="Wingdings" panose="05000000000000000000" pitchFamily="2" charset="2"/>
              <a:buChar char="§"/>
              <a:defRPr sz="2400">
                <a:solidFill>
                  <a:srgbClr val="646566"/>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r>
              <a:rPr lang="en-US"/>
              <a:t>Bullet Points</a:t>
            </a:r>
          </a:p>
          <a:p>
            <a:r>
              <a:rPr lang="en-US"/>
              <a:t>2</a:t>
            </a:r>
          </a:p>
          <a:p>
            <a:r>
              <a:rPr lang="en-US"/>
              <a:t>3</a:t>
            </a:r>
          </a:p>
        </p:txBody>
      </p:sp>
    </p:spTree>
    <p:extLst>
      <p:ext uri="{BB962C8B-B14F-4D97-AF65-F5344CB8AC3E}">
        <p14:creationId xmlns:p14="http://schemas.microsoft.com/office/powerpoint/2010/main" val="327301588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Section Header">
    <p:spTree>
      <p:nvGrpSpPr>
        <p:cNvPr id="1" name=""/>
        <p:cNvGrpSpPr/>
        <p:nvPr/>
      </p:nvGrpSpPr>
      <p:grpSpPr>
        <a:xfrm>
          <a:off x="0" y="0"/>
          <a:ext cx="0" cy="0"/>
          <a:chOff x="0" y="0"/>
          <a:chExt cx="0" cy="0"/>
        </a:xfrm>
      </p:grpSpPr>
      <p:sp>
        <p:nvSpPr>
          <p:cNvPr id="22" name="Content Placeholder 2">
            <a:extLst>
              <a:ext uri="{FF2B5EF4-FFF2-40B4-BE49-F238E27FC236}">
                <a16:creationId xmlns:a16="http://schemas.microsoft.com/office/drawing/2014/main" id="{F9E50C44-C666-4E2D-845A-5241C645A263}"/>
              </a:ext>
            </a:extLst>
          </p:cNvPr>
          <p:cNvSpPr>
            <a:spLocks noGrp="1"/>
          </p:cNvSpPr>
          <p:nvPr>
            <p:ph idx="1"/>
          </p:nvPr>
        </p:nvSpPr>
        <p:spPr>
          <a:xfrm>
            <a:off x="965134" y="2472719"/>
            <a:ext cx="2575989" cy="2047244"/>
          </a:xfrm>
        </p:spPr>
        <p:txBody>
          <a:bodyPr>
            <a:normAutofit/>
          </a:bodyPr>
          <a:lstStyle>
            <a:lvl1pPr marL="457200" indent="-457200">
              <a:buFont typeface="Wingdings" panose="05000000000000000000" pitchFamily="2" charset="2"/>
              <a:buChar char="§"/>
              <a:defRPr sz="2400">
                <a:solidFill>
                  <a:srgbClr val="6C6D70"/>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endParaRPr lang="en-US"/>
          </a:p>
        </p:txBody>
      </p:sp>
      <p:sp>
        <p:nvSpPr>
          <p:cNvPr id="27" name="Content Placeholder 2">
            <a:extLst>
              <a:ext uri="{FF2B5EF4-FFF2-40B4-BE49-F238E27FC236}">
                <a16:creationId xmlns:a16="http://schemas.microsoft.com/office/drawing/2014/main" id="{8151CE89-F1D7-4AAB-B996-1A0994F724EA}"/>
              </a:ext>
            </a:extLst>
          </p:cNvPr>
          <p:cNvSpPr>
            <a:spLocks noGrp="1"/>
          </p:cNvSpPr>
          <p:nvPr>
            <p:ph idx="10"/>
          </p:nvPr>
        </p:nvSpPr>
        <p:spPr>
          <a:xfrm>
            <a:off x="4679011" y="2472719"/>
            <a:ext cx="2575989" cy="2047244"/>
          </a:xfrm>
        </p:spPr>
        <p:txBody>
          <a:bodyPr>
            <a:normAutofit/>
          </a:bodyPr>
          <a:lstStyle>
            <a:lvl1pPr marL="457200" indent="-457200">
              <a:buFont typeface="Wingdings" panose="05000000000000000000" pitchFamily="2" charset="2"/>
              <a:buChar char="§"/>
              <a:defRPr sz="2400">
                <a:solidFill>
                  <a:srgbClr val="6C6D70"/>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endParaRPr lang="en-US"/>
          </a:p>
        </p:txBody>
      </p:sp>
      <p:sp>
        <p:nvSpPr>
          <p:cNvPr id="30" name="Content Placeholder 2">
            <a:extLst>
              <a:ext uri="{FF2B5EF4-FFF2-40B4-BE49-F238E27FC236}">
                <a16:creationId xmlns:a16="http://schemas.microsoft.com/office/drawing/2014/main" id="{7298F6DC-599C-4DC4-848B-FDCE58E83A60}"/>
              </a:ext>
            </a:extLst>
          </p:cNvPr>
          <p:cNvSpPr>
            <a:spLocks noGrp="1"/>
          </p:cNvSpPr>
          <p:nvPr>
            <p:ph idx="11"/>
          </p:nvPr>
        </p:nvSpPr>
        <p:spPr>
          <a:xfrm>
            <a:off x="8392889" y="2472719"/>
            <a:ext cx="2575989" cy="2047244"/>
          </a:xfrm>
        </p:spPr>
        <p:txBody>
          <a:bodyPr>
            <a:normAutofit/>
          </a:bodyPr>
          <a:lstStyle>
            <a:lvl1pPr marL="457200" indent="-457200">
              <a:buFont typeface="Wingdings" panose="05000000000000000000" pitchFamily="2" charset="2"/>
              <a:buChar char="§"/>
              <a:defRPr sz="2400">
                <a:solidFill>
                  <a:srgbClr val="6C6D70"/>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endParaRPr lang="en-US"/>
          </a:p>
        </p:txBody>
      </p:sp>
      <p:sp>
        <p:nvSpPr>
          <p:cNvPr id="31" name="Content Placeholder 2">
            <a:extLst>
              <a:ext uri="{FF2B5EF4-FFF2-40B4-BE49-F238E27FC236}">
                <a16:creationId xmlns:a16="http://schemas.microsoft.com/office/drawing/2014/main" id="{E4555760-6FBD-4D86-A9DB-B0014938B3DF}"/>
              </a:ext>
            </a:extLst>
          </p:cNvPr>
          <p:cNvSpPr>
            <a:spLocks noGrp="1"/>
          </p:cNvSpPr>
          <p:nvPr>
            <p:ph idx="12"/>
          </p:nvPr>
        </p:nvSpPr>
        <p:spPr>
          <a:xfrm>
            <a:off x="965134" y="4684738"/>
            <a:ext cx="2575989" cy="705567"/>
          </a:xfrm>
        </p:spPr>
        <p:txBody>
          <a:bodyPr>
            <a:normAutofit/>
          </a:bodyPr>
          <a:lstStyle>
            <a:lvl1pPr marL="0" indent="0" algn="ctr">
              <a:buFont typeface="Arial" panose="020B0604020202020204" pitchFamily="34" charset="0"/>
              <a:buNone/>
              <a:defRPr sz="2400">
                <a:solidFill>
                  <a:srgbClr val="6C6D70"/>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endParaRPr lang="en-US"/>
          </a:p>
        </p:txBody>
      </p:sp>
      <p:sp>
        <p:nvSpPr>
          <p:cNvPr id="32" name="Content Placeholder 2">
            <a:extLst>
              <a:ext uri="{FF2B5EF4-FFF2-40B4-BE49-F238E27FC236}">
                <a16:creationId xmlns:a16="http://schemas.microsoft.com/office/drawing/2014/main" id="{8F45B90F-A32B-4525-8208-B0FF8BC80A74}"/>
              </a:ext>
            </a:extLst>
          </p:cNvPr>
          <p:cNvSpPr>
            <a:spLocks noGrp="1"/>
          </p:cNvSpPr>
          <p:nvPr>
            <p:ph idx="13"/>
          </p:nvPr>
        </p:nvSpPr>
        <p:spPr>
          <a:xfrm>
            <a:off x="4679011" y="4684738"/>
            <a:ext cx="2575989" cy="705567"/>
          </a:xfrm>
        </p:spPr>
        <p:txBody>
          <a:bodyPr>
            <a:normAutofit/>
          </a:bodyPr>
          <a:lstStyle>
            <a:lvl1pPr marL="0" indent="0" algn="ctr">
              <a:buFont typeface="Arial" panose="020B0604020202020204" pitchFamily="34" charset="0"/>
              <a:buNone/>
              <a:defRPr sz="2400">
                <a:solidFill>
                  <a:srgbClr val="6C6D70"/>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endParaRPr lang="en-US"/>
          </a:p>
        </p:txBody>
      </p:sp>
      <p:sp>
        <p:nvSpPr>
          <p:cNvPr id="33" name="Content Placeholder 2">
            <a:extLst>
              <a:ext uri="{FF2B5EF4-FFF2-40B4-BE49-F238E27FC236}">
                <a16:creationId xmlns:a16="http://schemas.microsoft.com/office/drawing/2014/main" id="{824B73C0-E7FB-4C5C-854E-8F88F4E5FB6B}"/>
              </a:ext>
            </a:extLst>
          </p:cNvPr>
          <p:cNvSpPr>
            <a:spLocks noGrp="1"/>
          </p:cNvSpPr>
          <p:nvPr>
            <p:ph idx="14"/>
          </p:nvPr>
        </p:nvSpPr>
        <p:spPr>
          <a:xfrm>
            <a:off x="8392889" y="4684737"/>
            <a:ext cx="2575989" cy="705567"/>
          </a:xfrm>
        </p:spPr>
        <p:txBody>
          <a:bodyPr>
            <a:normAutofit/>
          </a:bodyPr>
          <a:lstStyle>
            <a:lvl1pPr marL="0" indent="0" algn="ctr">
              <a:buFont typeface="Arial" panose="020B0604020202020204" pitchFamily="34" charset="0"/>
              <a:buNone/>
              <a:defRPr sz="2400">
                <a:solidFill>
                  <a:srgbClr val="6C6D70"/>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endParaRPr lang="en-US"/>
          </a:p>
        </p:txBody>
      </p:sp>
      <p:sp>
        <p:nvSpPr>
          <p:cNvPr id="12" name="Rectangle 11">
            <a:extLst>
              <a:ext uri="{FF2B5EF4-FFF2-40B4-BE49-F238E27FC236}">
                <a16:creationId xmlns:a16="http://schemas.microsoft.com/office/drawing/2014/main" id="{14538D7A-A029-457C-B7F0-3B3CBF3DE81C}"/>
              </a:ext>
            </a:extLst>
          </p:cNvPr>
          <p:cNvSpPr/>
          <p:nvPr userDrawn="1"/>
        </p:nvSpPr>
        <p:spPr>
          <a:xfrm>
            <a:off x="0" y="1"/>
            <a:ext cx="12192000" cy="1455938"/>
          </a:xfrm>
          <a:prstGeom prst="rect">
            <a:avLst/>
          </a:prstGeom>
          <a:solidFill>
            <a:srgbClr val="147BD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3" name="Picture 12">
            <a:extLst>
              <a:ext uri="{FF2B5EF4-FFF2-40B4-BE49-F238E27FC236}">
                <a16:creationId xmlns:a16="http://schemas.microsoft.com/office/drawing/2014/main" id="{FF155347-BBD3-4E98-8E59-6D4E2603C4E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50001"/>
          <a:stretch/>
        </p:blipFill>
        <p:spPr>
          <a:xfrm>
            <a:off x="1" y="0"/>
            <a:ext cx="691864" cy="1455939"/>
          </a:xfrm>
          <a:prstGeom prst="rect">
            <a:avLst/>
          </a:prstGeom>
        </p:spPr>
      </p:pic>
      <p:sp>
        <p:nvSpPr>
          <p:cNvPr id="14" name="Title 1">
            <a:extLst>
              <a:ext uri="{FF2B5EF4-FFF2-40B4-BE49-F238E27FC236}">
                <a16:creationId xmlns:a16="http://schemas.microsoft.com/office/drawing/2014/main" id="{4DC0159B-A3CA-456A-AD7D-165C87BCE080}"/>
              </a:ext>
            </a:extLst>
          </p:cNvPr>
          <p:cNvSpPr>
            <a:spLocks noGrp="1"/>
          </p:cNvSpPr>
          <p:nvPr>
            <p:ph type="ctrTitle"/>
          </p:nvPr>
        </p:nvSpPr>
        <p:spPr>
          <a:xfrm>
            <a:off x="838200" y="238679"/>
            <a:ext cx="9054830" cy="978581"/>
          </a:xfrm>
        </p:spPr>
        <p:txBody>
          <a:bodyPr>
            <a:normAutofit/>
          </a:bodyPr>
          <a:lstStyle>
            <a:lvl1pPr>
              <a:defRPr>
                <a:solidFill>
                  <a:schemeClr val="bg1"/>
                </a:solidFill>
              </a:defRPr>
            </a:lvl1pPr>
          </a:lstStyle>
          <a:p>
            <a:endParaRPr lang="en-US"/>
          </a:p>
        </p:txBody>
      </p:sp>
    </p:spTree>
    <p:extLst>
      <p:ext uri="{BB962C8B-B14F-4D97-AF65-F5344CB8AC3E}">
        <p14:creationId xmlns:p14="http://schemas.microsoft.com/office/powerpoint/2010/main" val="139793433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_Section Header">
    <p:spTree>
      <p:nvGrpSpPr>
        <p:cNvPr id="1" name=""/>
        <p:cNvGrpSpPr/>
        <p:nvPr/>
      </p:nvGrpSpPr>
      <p:grpSpPr>
        <a:xfrm>
          <a:off x="0" y="0"/>
          <a:ext cx="0" cy="0"/>
          <a:chOff x="0" y="0"/>
          <a:chExt cx="0" cy="0"/>
        </a:xfrm>
      </p:grpSpPr>
      <p:sp>
        <p:nvSpPr>
          <p:cNvPr id="7" name="Content Placeholder 2">
            <a:extLst>
              <a:ext uri="{FF2B5EF4-FFF2-40B4-BE49-F238E27FC236}">
                <a16:creationId xmlns:a16="http://schemas.microsoft.com/office/drawing/2014/main" id="{15C0799F-6CB5-4F24-A80F-F2D3B2E94041}"/>
              </a:ext>
            </a:extLst>
          </p:cNvPr>
          <p:cNvSpPr>
            <a:spLocks noGrp="1"/>
          </p:cNvSpPr>
          <p:nvPr>
            <p:ph idx="1"/>
          </p:nvPr>
        </p:nvSpPr>
        <p:spPr>
          <a:xfrm>
            <a:off x="426128" y="1748900"/>
            <a:ext cx="11461072" cy="4563123"/>
          </a:xfrm>
        </p:spPr>
        <p:txBody>
          <a:bodyPr>
            <a:normAutofit/>
          </a:bodyPr>
          <a:lstStyle>
            <a:lvl1pPr marL="457200" indent="-457200">
              <a:buFont typeface="Wingdings" panose="05000000000000000000" pitchFamily="2" charset="2"/>
              <a:buChar char="§"/>
              <a:defRPr sz="2400">
                <a:solidFill>
                  <a:srgbClr val="6C6D70"/>
                </a:solidFill>
                <a:latin typeface="Tahoma" panose="020B0604030504040204" pitchFamily="34" charset="0"/>
                <a:ea typeface="Tahoma" panose="020B0604030504040204" pitchFamily="34" charset="0"/>
                <a:cs typeface="Tahoma" panose="020B0604030504040204" pitchFamily="34" charset="0"/>
              </a:defRPr>
            </a:lvl1pPr>
            <a:lvl2pPr marL="685800" indent="-228600">
              <a:buFont typeface="Wingdings" panose="05000000000000000000" pitchFamily="2" charset="2"/>
              <a:buChar char="§"/>
              <a:defRPr sz="2400">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endParaRPr lang="en-US"/>
          </a:p>
        </p:txBody>
      </p:sp>
      <p:sp>
        <p:nvSpPr>
          <p:cNvPr id="8" name="Rectangle 7">
            <a:extLst>
              <a:ext uri="{FF2B5EF4-FFF2-40B4-BE49-F238E27FC236}">
                <a16:creationId xmlns:a16="http://schemas.microsoft.com/office/drawing/2014/main" id="{4BF6B216-2459-4D0F-BF69-05B4D00DEC8F}"/>
              </a:ext>
            </a:extLst>
          </p:cNvPr>
          <p:cNvSpPr/>
          <p:nvPr userDrawn="1"/>
        </p:nvSpPr>
        <p:spPr>
          <a:xfrm>
            <a:off x="0" y="1"/>
            <a:ext cx="12192000" cy="1455938"/>
          </a:xfrm>
          <a:prstGeom prst="rect">
            <a:avLst/>
          </a:prstGeom>
          <a:solidFill>
            <a:srgbClr val="147BD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a:extLst>
              <a:ext uri="{FF2B5EF4-FFF2-40B4-BE49-F238E27FC236}">
                <a16:creationId xmlns:a16="http://schemas.microsoft.com/office/drawing/2014/main" id="{5B273B07-2154-4FC7-8FB4-B9A00BBAE4EE}"/>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50001"/>
          <a:stretch/>
        </p:blipFill>
        <p:spPr>
          <a:xfrm>
            <a:off x="1" y="0"/>
            <a:ext cx="691864" cy="1455939"/>
          </a:xfrm>
          <a:prstGeom prst="rect">
            <a:avLst/>
          </a:prstGeom>
        </p:spPr>
      </p:pic>
      <p:sp>
        <p:nvSpPr>
          <p:cNvPr id="12" name="Title 1">
            <a:extLst>
              <a:ext uri="{FF2B5EF4-FFF2-40B4-BE49-F238E27FC236}">
                <a16:creationId xmlns:a16="http://schemas.microsoft.com/office/drawing/2014/main" id="{F6EFBECF-7A60-422A-ACF3-376492E060E9}"/>
              </a:ext>
            </a:extLst>
          </p:cNvPr>
          <p:cNvSpPr>
            <a:spLocks noGrp="1"/>
          </p:cNvSpPr>
          <p:nvPr>
            <p:ph type="ctrTitle"/>
          </p:nvPr>
        </p:nvSpPr>
        <p:spPr>
          <a:xfrm>
            <a:off x="838200" y="238679"/>
            <a:ext cx="9054830" cy="978581"/>
          </a:xfrm>
        </p:spPr>
        <p:txBody>
          <a:bodyPr>
            <a:normAutofit/>
          </a:bodyPr>
          <a:lstStyle>
            <a:lvl1pPr>
              <a:defRPr>
                <a:solidFill>
                  <a:schemeClr val="bg1"/>
                </a:solidFill>
              </a:defRPr>
            </a:lvl1pPr>
          </a:lstStyle>
          <a:p>
            <a:endParaRPr lang="en-US"/>
          </a:p>
        </p:txBody>
      </p:sp>
    </p:spTree>
    <p:extLst>
      <p:ext uri="{BB962C8B-B14F-4D97-AF65-F5344CB8AC3E}">
        <p14:creationId xmlns:p14="http://schemas.microsoft.com/office/powerpoint/2010/main" val="378130960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Dark Blue Transition Slide">
    <p:bg>
      <p:bgPr>
        <a:solidFill>
          <a:srgbClr val="147BD1"/>
        </a:solidFill>
        <a:effectLst/>
      </p:bgPr>
    </p:bg>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7CD3C365-FA2F-4EC1-8A23-2DC3645D1913}"/>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9900" r="-1" b="-543"/>
          <a:stretch/>
        </p:blipFill>
        <p:spPr>
          <a:xfrm>
            <a:off x="0" y="0"/>
            <a:ext cx="3268552" cy="6901413"/>
          </a:xfrm>
          <a:prstGeom prst="rect">
            <a:avLst/>
          </a:prstGeom>
        </p:spPr>
      </p:pic>
      <p:sp>
        <p:nvSpPr>
          <p:cNvPr id="13" name="Title 1">
            <a:extLst>
              <a:ext uri="{FF2B5EF4-FFF2-40B4-BE49-F238E27FC236}">
                <a16:creationId xmlns:a16="http://schemas.microsoft.com/office/drawing/2014/main" id="{B4279AD6-AA56-4159-8F23-A25AC7089100}"/>
              </a:ext>
            </a:extLst>
          </p:cNvPr>
          <p:cNvSpPr>
            <a:spLocks noGrp="1"/>
          </p:cNvSpPr>
          <p:nvPr>
            <p:ph type="ctrTitle" hasCustomPrompt="1"/>
          </p:nvPr>
        </p:nvSpPr>
        <p:spPr>
          <a:xfrm>
            <a:off x="4032861" y="2741847"/>
            <a:ext cx="7422292" cy="1374306"/>
          </a:xfrm>
        </p:spPr>
        <p:txBody>
          <a:bodyPr anchor="b"/>
          <a:lstStyle>
            <a:lvl1pPr algn="ctr">
              <a:defRPr sz="600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en-US"/>
              <a:t>Section </a:t>
            </a:r>
            <a:br>
              <a:rPr lang="en-US"/>
            </a:br>
            <a:r>
              <a:rPr lang="en-US"/>
              <a:t>Title Slide</a:t>
            </a:r>
          </a:p>
        </p:txBody>
      </p:sp>
      <p:sp>
        <p:nvSpPr>
          <p:cNvPr id="14" name="Subtitle 2">
            <a:extLst>
              <a:ext uri="{FF2B5EF4-FFF2-40B4-BE49-F238E27FC236}">
                <a16:creationId xmlns:a16="http://schemas.microsoft.com/office/drawing/2014/main" id="{FD519BBB-2F9F-45A4-AACC-8293FC3AED3A}"/>
              </a:ext>
            </a:extLst>
          </p:cNvPr>
          <p:cNvSpPr>
            <a:spLocks noGrp="1"/>
          </p:cNvSpPr>
          <p:nvPr>
            <p:ph type="subTitle" idx="1"/>
          </p:nvPr>
        </p:nvSpPr>
        <p:spPr>
          <a:xfrm>
            <a:off x="4032861" y="4116153"/>
            <a:ext cx="7422292" cy="1655762"/>
          </a:xfrm>
        </p:spPr>
        <p:txBody>
          <a:bodyPr/>
          <a:lstStyle>
            <a:lvl1pPr marL="0" indent="0" algn="ctr">
              <a:buNone/>
              <a:defRPr sz="2400">
                <a:solidFill>
                  <a:schemeClr val="bg1"/>
                </a:solidFill>
                <a:latin typeface="Tahoma" panose="020B0604030504040204" pitchFamily="34" charset="0"/>
                <a:ea typeface="Tahoma" panose="020B0604030504040204" pitchFamily="34" charset="0"/>
                <a:cs typeface="Tahoma" panose="020B060403050404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117973376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Main Slid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6C6D70"/>
                </a:solidFill>
                <a:latin typeface="Trebuchet MS" panose="020B0603020202020204" pitchFamily="34" charset="0"/>
              </a:defRPr>
            </a:lvl1pPr>
          </a:lstStyle>
          <a:p>
            <a:r>
              <a:rPr lang="en-US"/>
              <a:t>Click to edit Master title style</a:t>
            </a:r>
          </a:p>
        </p:txBody>
      </p:sp>
      <p:sp>
        <p:nvSpPr>
          <p:cNvPr id="3" name="Content Placeholder 2"/>
          <p:cNvSpPr>
            <a:spLocks noGrp="1"/>
          </p:cNvSpPr>
          <p:nvPr>
            <p:ph idx="1"/>
          </p:nvPr>
        </p:nvSpPr>
        <p:spPr>
          <a:xfrm>
            <a:off x="838200" y="1825626"/>
            <a:ext cx="10515600" cy="4212710"/>
          </a:xfrm>
        </p:spPr>
        <p:txBody>
          <a:bodyPr/>
          <a:lstStyle>
            <a:lvl1pPr marL="228600" indent="-228600">
              <a:buFont typeface="Wingdings" panose="05000000000000000000" pitchFamily="2" charset="2"/>
              <a:buChar char="§"/>
              <a:defRPr>
                <a:solidFill>
                  <a:srgbClr val="6C6D70"/>
                </a:solidFill>
                <a:latin typeface="Trebuchet MS" panose="020B0603020202020204" pitchFamily="34" charset="0"/>
              </a:defRPr>
            </a:lvl1pPr>
            <a:lvl2pPr marL="685800" indent="-228600">
              <a:buFont typeface="Wingdings" panose="05000000000000000000" pitchFamily="2" charset="2"/>
              <a:buChar char="§"/>
              <a:defRPr>
                <a:solidFill>
                  <a:srgbClr val="6C6D70"/>
                </a:solidFill>
                <a:latin typeface="Trebuchet MS" panose="020B0603020202020204" pitchFamily="34" charset="0"/>
              </a:defRPr>
            </a:lvl2pPr>
            <a:lvl3pPr marL="1143000" indent="-228600">
              <a:buFont typeface="Wingdings" panose="05000000000000000000" pitchFamily="2" charset="2"/>
              <a:buChar char="§"/>
              <a:defRPr>
                <a:solidFill>
                  <a:srgbClr val="6C6D70"/>
                </a:solidFill>
                <a:latin typeface="Trebuchet MS" panose="020B0603020202020204" pitchFamily="34" charset="0"/>
              </a:defRPr>
            </a:lvl3pPr>
            <a:lvl4pPr marL="1600200" indent="-228600">
              <a:buFont typeface="Wingdings" panose="05000000000000000000" pitchFamily="2" charset="2"/>
              <a:buChar char="§"/>
              <a:defRPr>
                <a:solidFill>
                  <a:srgbClr val="6C6D70"/>
                </a:solidFill>
                <a:latin typeface="Trebuchet MS" panose="020B0603020202020204" pitchFamily="34" charset="0"/>
              </a:defRPr>
            </a:lvl4pPr>
            <a:lvl5pPr marL="2057400" indent="-228600">
              <a:buFont typeface="Wingdings" panose="05000000000000000000" pitchFamily="2" charset="2"/>
              <a:buChar char="§"/>
              <a:defRPr>
                <a:solidFill>
                  <a:srgbClr val="6C6D70"/>
                </a:solidFill>
                <a:latin typeface="Trebuchet MS" panose="020B060302020202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221097" y="6125954"/>
            <a:ext cx="1664044" cy="460792"/>
          </a:xfrm>
          <a:prstGeom prst="rect">
            <a:avLst/>
          </a:prstGeom>
        </p:spPr>
      </p:pic>
      <p:cxnSp>
        <p:nvCxnSpPr>
          <p:cNvPr id="12" name="Straight Connector 11"/>
          <p:cNvCxnSpPr/>
          <p:nvPr userDrawn="1"/>
        </p:nvCxnSpPr>
        <p:spPr>
          <a:xfrm>
            <a:off x="494270" y="6356350"/>
            <a:ext cx="9605319" cy="0"/>
          </a:xfrm>
          <a:prstGeom prst="line">
            <a:avLst/>
          </a:prstGeom>
          <a:ln>
            <a:solidFill>
              <a:srgbClr val="C3C4C0"/>
            </a:solidFill>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270619047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atin typeface="Trebuchet MS" panose="020B0603020202020204" pitchFamily="34" charset="0"/>
              </a:defRPr>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rgbClr val="C3C4C0"/>
                </a:solidFill>
                <a:latin typeface="Trebuchet MS" panose="020B0603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D83B4790-CDFA-4986-9587-5A3A9AF404C6}" type="datetimeFigureOut">
              <a:rPr lang="en-US" smtClean="0"/>
              <a:t>11/16/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BC4BB82-2418-4D35-9A7E-6ED0E6E63174}" type="slidenum">
              <a:rPr lang="en-US" smtClean="0"/>
              <a:t>‹#›</a:t>
            </a:fld>
            <a:endParaRPr lang="en-US"/>
          </a:p>
        </p:txBody>
      </p:sp>
    </p:spTree>
    <p:extLst>
      <p:ext uri="{BB962C8B-B14F-4D97-AF65-F5344CB8AC3E}">
        <p14:creationId xmlns:p14="http://schemas.microsoft.com/office/powerpoint/2010/main" val="260154102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6C6D70"/>
                </a:solidFill>
                <a:latin typeface="Trebuchet MS" panose="020B0603020202020204" pitchFamily="34" charset="0"/>
              </a:defRPr>
            </a:lvl1pPr>
          </a:lstStyle>
          <a:p>
            <a:r>
              <a:rPr lang="en-US"/>
              <a:t>Click to edit Master title style</a:t>
            </a:r>
          </a:p>
        </p:txBody>
      </p:sp>
      <p:sp>
        <p:nvSpPr>
          <p:cNvPr id="3" name="Content Placeholder 2"/>
          <p:cNvSpPr>
            <a:spLocks noGrp="1"/>
          </p:cNvSpPr>
          <p:nvPr>
            <p:ph sz="half" idx="1"/>
          </p:nvPr>
        </p:nvSpPr>
        <p:spPr>
          <a:xfrm>
            <a:off x="838200" y="1825625"/>
            <a:ext cx="5181600" cy="4237424"/>
          </a:xfrm>
        </p:spPr>
        <p:txBody>
          <a:bodyPr/>
          <a:lstStyle>
            <a:lvl1pPr>
              <a:defRPr>
                <a:solidFill>
                  <a:srgbClr val="6C6D70"/>
                </a:solidFill>
                <a:latin typeface="Trebuchet MS" panose="020B0603020202020204" pitchFamily="34" charset="0"/>
              </a:defRPr>
            </a:lvl1pPr>
            <a:lvl2pPr>
              <a:defRPr>
                <a:solidFill>
                  <a:srgbClr val="6C6D70"/>
                </a:solidFill>
                <a:latin typeface="Trebuchet MS" panose="020B0603020202020204" pitchFamily="34" charset="0"/>
              </a:defRPr>
            </a:lvl2pPr>
            <a:lvl3pPr>
              <a:defRPr>
                <a:solidFill>
                  <a:srgbClr val="6C6D70"/>
                </a:solidFill>
                <a:latin typeface="Trebuchet MS" panose="020B0603020202020204" pitchFamily="34" charset="0"/>
              </a:defRPr>
            </a:lvl3pPr>
            <a:lvl4pPr>
              <a:defRPr>
                <a:solidFill>
                  <a:srgbClr val="6C6D70"/>
                </a:solidFill>
                <a:latin typeface="Trebuchet MS" panose="020B0603020202020204" pitchFamily="34" charset="0"/>
              </a:defRPr>
            </a:lvl4pPr>
            <a:lvl5pPr>
              <a:defRPr>
                <a:solidFill>
                  <a:srgbClr val="6C6D70"/>
                </a:solidFill>
                <a:latin typeface="Trebuchet MS" panose="020B060302020202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237424"/>
          </a:xfrm>
        </p:spPr>
        <p:txBody>
          <a:bodyPr/>
          <a:lstStyle>
            <a:lvl1pPr>
              <a:defRPr>
                <a:solidFill>
                  <a:srgbClr val="6C6D70"/>
                </a:solidFill>
                <a:latin typeface="Trebuchet MS" panose="020B0603020202020204" pitchFamily="34" charset="0"/>
              </a:defRPr>
            </a:lvl1pPr>
            <a:lvl2pPr>
              <a:defRPr>
                <a:solidFill>
                  <a:srgbClr val="6C6D70"/>
                </a:solidFill>
                <a:latin typeface="Trebuchet MS" panose="020B0603020202020204" pitchFamily="34" charset="0"/>
              </a:defRPr>
            </a:lvl2pPr>
            <a:lvl3pPr>
              <a:defRPr>
                <a:solidFill>
                  <a:srgbClr val="6C6D70"/>
                </a:solidFill>
                <a:latin typeface="Trebuchet MS" panose="020B0603020202020204" pitchFamily="34" charset="0"/>
              </a:defRPr>
            </a:lvl3pPr>
            <a:lvl4pPr>
              <a:defRPr>
                <a:solidFill>
                  <a:srgbClr val="6C6D70"/>
                </a:solidFill>
                <a:latin typeface="Trebuchet MS" panose="020B0603020202020204" pitchFamily="34" charset="0"/>
              </a:defRPr>
            </a:lvl4pPr>
            <a:lvl5pPr>
              <a:defRPr>
                <a:solidFill>
                  <a:srgbClr val="6C6D70"/>
                </a:solidFill>
                <a:latin typeface="Trebuchet MS" panose="020B060302020202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221097" y="6125954"/>
            <a:ext cx="1664044" cy="460792"/>
          </a:xfrm>
          <a:prstGeom prst="rect">
            <a:avLst/>
          </a:prstGeom>
        </p:spPr>
      </p:pic>
      <p:cxnSp>
        <p:nvCxnSpPr>
          <p:cNvPr id="9" name="Straight Connector 8"/>
          <p:cNvCxnSpPr/>
          <p:nvPr userDrawn="1"/>
        </p:nvCxnSpPr>
        <p:spPr>
          <a:xfrm>
            <a:off x="494270" y="6356350"/>
            <a:ext cx="9605319" cy="0"/>
          </a:xfrm>
          <a:prstGeom prst="line">
            <a:avLst/>
          </a:prstGeom>
          <a:ln>
            <a:solidFill>
              <a:srgbClr val="C3C4C0"/>
            </a:solidFill>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76340983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lvl1pPr>
              <a:defRPr>
                <a:latin typeface="Trebuchet MS" panose="020B0603020202020204" pitchFamily="34" charset="0"/>
              </a:defRPr>
            </a:lvl1p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atin typeface="Trebuchet MS" panose="020B0603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549736"/>
          </a:xfrm>
        </p:spPr>
        <p:txBody>
          <a:bodyPr/>
          <a:lstStyle>
            <a:lvl1pPr>
              <a:defRPr>
                <a:latin typeface="Trebuchet MS" panose="020B0603020202020204" pitchFamily="34" charset="0"/>
              </a:defRPr>
            </a:lvl1pPr>
            <a:lvl2pPr>
              <a:defRPr>
                <a:latin typeface="Trebuchet MS" panose="020B0603020202020204" pitchFamily="34" charset="0"/>
              </a:defRPr>
            </a:lvl2pPr>
            <a:lvl3pPr>
              <a:defRPr>
                <a:latin typeface="Trebuchet MS" panose="020B0603020202020204" pitchFamily="34" charset="0"/>
              </a:defRPr>
            </a:lvl3pPr>
            <a:lvl4pPr>
              <a:defRPr>
                <a:latin typeface="Trebuchet MS" panose="020B0603020202020204" pitchFamily="34" charset="0"/>
              </a:defRPr>
            </a:lvl4pPr>
            <a:lvl5pPr>
              <a:defRPr>
                <a:latin typeface="Trebuchet MS" panose="020B060302020202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atin typeface="Trebuchet MS" panose="020B0603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549736"/>
          </a:xfrm>
        </p:spPr>
        <p:txBody>
          <a:bodyPr/>
          <a:lstStyle>
            <a:lvl1pPr>
              <a:defRPr>
                <a:latin typeface="Trebuchet MS" panose="020B0603020202020204" pitchFamily="34" charset="0"/>
              </a:defRPr>
            </a:lvl1pPr>
            <a:lvl2pPr>
              <a:defRPr>
                <a:latin typeface="Trebuchet MS" panose="020B0603020202020204" pitchFamily="34" charset="0"/>
              </a:defRPr>
            </a:lvl2pPr>
            <a:lvl3pPr>
              <a:defRPr>
                <a:latin typeface="Trebuchet MS" panose="020B0603020202020204" pitchFamily="34" charset="0"/>
              </a:defRPr>
            </a:lvl3pPr>
            <a:lvl4pPr>
              <a:defRPr>
                <a:latin typeface="Trebuchet MS" panose="020B0603020202020204" pitchFamily="34" charset="0"/>
              </a:defRPr>
            </a:lvl4pPr>
            <a:lvl5pPr>
              <a:defRPr>
                <a:latin typeface="Trebuchet MS" panose="020B060302020202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221097" y="6125954"/>
            <a:ext cx="1664044" cy="460792"/>
          </a:xfrm>
          <a:prstGeom prst="rect">
            <a:avLst/>
          </a:prstGeom>
        </p:spPr>
      </p:pic>
      <p:cxnSp>
        <p:nvCxnSpPr>
          <p:cNvPr id="11" name="Straight Connector 10"/>
          <p:cNvCxnSpPr/>
          <p:nvPr userDrawn="1"/>
        </p:nvCxnSpPr>
        <p:spPr>
          <a:xfrm>
            <a:off x="494270" y="6356350"/>
            <a:ext cx="9605319" cy="0"/>
          </a:xfrm>
          <a:prstGeom prst="line">
            <a:avLst/>
          </a:prstGeom>
          <a:ln>
            <a:solidFill>
              <a:srgbClr val="C3C4C0"/>
            </a:solidFill>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373624843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Trebuchet MS" panose="020B0603020202020204" pitchFamily="34" charset="0"/>
              </a:defRPr>
            </a:lvl1pPr>
          </a:lstStyle>
          <a:p>
            <a:r>
              <a:rPr lang="en-US"/>
              <a:t>Click to edit Master title style</a:t>
            </a:r>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221097" y="6125954"/>
            <a:ext cx="1664044" cy="460792"/>
          </a:xfrm>
          <a:prstGeom prst="rect">
            <a:avLst/>
          </a:prstGeom>
        </p:spPr>
      </p:pic>
      <p:cxnSp>
        <p:nvCxnSpPr>
          <p:cNvPr id="7" name="Straight Connector 6"/>
          <p:cNvCxnSpPr/>
          <p:nvPr userDrawn="1"/>
        </p:nvCxnSpPr>
        <p:spPr>
          <a:xfrm>
            <a:off x="494270" y="6356350"/>
            <a:ext cx="9605319" cy="0"/>
          </a:xfrm>
          <a:prstGeom prst="line">
            <a:avLst/>
          </a:prstGeom>
          <a:ln>
            <a:solidFill>
              <a:srgbClr val="C3C4C0"/>
            </a:solidFill>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292120134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Dark Blue Transition Slide">
    <p:bg>
      <p:bgPr>
        <a:solidFill>
          <a:srgbClr val="2376BC"/>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83B4790-CDFA-4986-9587-5A3A9AF404C6}" type="datetimeFigureOut">
              <a:rPr lang="en-US" smtClean="0"/>
              <a:t>11/16/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BC4BB82-2418-4D35-9A7E-6ED0E6E63174}" type="slidenum">
              <a:rPr lang="en-US" smtClean="0"/>
              <a:t>‹#›</a:t>
            </a:fld>
            <a:endParaRPr lang="en-US"/>
          </a:p>
        </p:txBody>
      </p:sp>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1" cy="6878574"/>
          </a:xfrm>
          <a:prstGeom prst="rect">
            <a:avLst/>
          </a:prstGeom>
        </p:spPr>
      </p:pic>
      <p:sp>
        <p:nvSpPr>
          <p:cNvPr id="6" name="Title 1"/>
          <p:cNvSpPr>
            <a:spLocks noGrp="1"/>
          </p:cNvSpPr>
          <p:nvPr>
            <p:ph type="title"/>
          </p:nvPr>
        </p:nvSpPr>
        <p:spPr>
          <a:xfrm>
            <a:off x="5971592" y="1709738"/>
            <a:ext cx="6092890" cy="2852737"/>
          </a:xfrm>
        </p:spPr>
        <p:txBody>
          <a:bodyPr anchor="b"/>
          <a:lstStyle>
            <a:lvl1pPr>
              <a:defRPr sz="6000">
                <a:latin typeface="Trebuchet MS" panose="020B0603020202020204" pitchFamily="34" charset="0"/>
              </a:defRPr>
            </a:lvl1pPr>
          </a:lstStyle>
          <a:p>
            <a:r>
              <a:rPr lang="en-US"/>
              <a:t>Click to edit Master title style</a:t>
            </a:r>
          </a:p>
        </p:txBody>
      </p:sp>
      <p:sp>
        <p:nvSpPr>
          <p:cNvPr id="7" name="Text Placeholder 2"/>
          <p:cNvSpPr>
            <a:spLocks noGrp="1"/>
          </p:cNvSpPr>
          <p:nvPr>
            <p:ph type="body" idx="1"/>
          </p:nvPr>
        </p:nvSpPr>
        <p:spPr>
          <a:xfrm>
            <a:off x="5971592" y="4589463"/>
            <a:ext cx="6092890" cy="1500187"/>
          </a:xfrm>
        </p:spPr>
        <p:txBody>
          <a:bodyPr/>
          <a:lstStyle>
            <a:lvl1pPr marL="0" indent="0">
              <a:buNone/>
              <a:defRPr sz="2400">
                <a:solidFill>
                  <a:srgbClr val="C3C4C0"/>
                </a:solidFill>
                <a:latin typeface="Trebuchet MS" panose="020B0603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Tree>
    <p:extLst>
      <p:ext uri="{BB962C8B-B14F-4D97-AF65-F5344CB8AC3E}">
        <p14:creationId xmlns:p14="http://schemas.microsoft.com/office/powerpoint/2010/main" val="181100379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Green Transition Sl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83B4790-CDFA-4986-9587-5A3A9AF404C6}" type="datetimeFigureOut">
              <a:rPr lang="en-US" smtClean="0"/>
              <a:t>11/16/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BC4BB82-2418-4D35-9A7E-6ED0E6E63174}" type="slidenum">
              <a:rPr lang="en-US" smtClean="0"/>
              <a:t>‹#›</a:t>
            </a:fld>
            <a:endParaRPr lang="en-US"/>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282624" cy="6858000"/>
          </a:xfrm>
          <a:prstGeom prst="rect">
            <a:avLst/>
          </a:prstGeom>
        </p:spPr>
      </p:pic>
      <p:sp>
        <p:nvSpPr>
          <p:cNvPr id="7" name="Title 1"/>
          <p:cNvSpPr>
            <a:spLocks noGrp="1"/>
          </p:cNvSpPr>
          <p:nvPr>
            <p:ph type="title"/>
          </p:nvPr>
        </p:nvSpPr>
        <p:spPr>
          <a:xfrm>
            <a:off x="5971592" y="1709738"/>
            <a:ext cx="6092890" cy="2852737"/>
          </a:xfrm>
        </p:spPr>
        <p:txBody>
          <a:bodyPr anchor="b"/>
          <a:lstStyle>
            <a:lvl1pPr>
              <a:defRPr sz="6000">
                <a:latin typeface="Trebuchet MS" panose="020B0603020202020204" pitchFamily="34" charset="0"/>
              </a:defRPr>
            </a:lvl1pPr>
          </a:lstStyle>
          <a:p>
            <a:r>
              <a:rPr lang="en-US"/>
              <a:t>Click to edit Master title style</a:t>
            </a:r>
          </a:p>
        </p:txBody>
      </p:sp>
      <p:sp>
        <p:nvSpPr>
          <p:cNvPr id="8" name="Text Placeholder 2"/>
          <p:cNvSpPr>
            <a:spLocks noGrp="1"/>
          </p:cNvSpPr>
          <p:nvPr>
            <p:ph type="body" idx="1"/>
          </p:nvPr>
        </p:nvSpPr>
        <p:spPr>
          <a:xfrm>
            <a:off x="5971592" y="4589463"/>
            <a:ext cx="6092890" cy="1500187"/>
          </a:xfrm>
        </p:spPr>
        <p:txBody>
          <a:bodyPr/>
          <a:lstStyle>
            <a:lvl1pPr marL="0" indent="0">
              <a:buNone/>
              <a:defRPr sz="2400">
                <a:solidFill>
                  <a:srgbClr val="C3C4C0"/>
                </a:solidFill>
                <a:latin typeface="Trebuchet MS" panose="020B0603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Tree>
    <p:extLst>
      <p:ext uri="{BB962C8B-B14F-4D97-AF65-F5344CB8AC3E}">
        <p14:creationId xmlns:p14="http://schemas.microsoft.com/office/powerpoint/2010/main" val="189184559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4.xml"/><Relationship Id="rId3" Type="http://schemas.openxmlformats.org/officeDocument/2006/relationships/slideLayout" Target="../slideLayouts/slideLayout19.xml"/><Relationship Id="rId7" Type="http://schemas.openxmlformats.org/officeDocument/2006/relationships/slideLayout" Target="../slideLayouts/slideLayout23.xml"/><Relationship Id="rId2" Type="http://schemas.openxmlformats.org/officeDocument/2006/relationships/slideLayout" Target="../slideLayouts/slideLayout18.xml"/><Relationship Id="rId1" Type="http://schemas.openxmlformats.org/officeDocument/2006/relationships/slideLayout" Target="../slideLayouts/slideLayout17.xml"/><Relationship Id="rId6" Type="http://schemas.openxmlformats.org/officeDocument/2006/relationships/slideLayout" Target="../slideLayouts/slideLayout22.xml"/><Relationship Id="rId5" Type="http://schemas.openxmlformats.org/officeDocument/2006/relationships/slideLayout" Target="../slideLayouts/slideLayout21.xml"/><Relationship Id="rId4" Type="http://schemas.openxmlformats.org/officeDocument/2006/relationships/slideLayout" Target="../slideLayouts/slideLayout20.xml"/><Relationship Id="rId9"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latin typeface="Trebuchet MS" panose="020B0603020202020204" pitchFamily="34" charset="0"/>
              </a:defRPr>
            </a:lvl1pPr>
          </a:lstStyle>
          <a:p>
            <a:fld id="{D83B4790-CDFA-4986-9587-5A3A9AF404C6}" type="datetimeFigureOut">
              <a:rPr lang="en-US" smtClean="0"/>
              <a:pPr/>
              <a:t>11/16/2022</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latin typeface="Trebuchet MS" panose="020B0603020202020204" pitchFamily="34" charset="0"/>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latin typeface="Trebuchet MS" panose="020B0603020202020204" pitchFamily="34" charset="0"/>
              </a:defRPr>
            </a:lvl1pPr>
          </a:lstStyle>
          <a:p>
            <a:fld id="{5BC4BB82-2418-4D35-9A7E-6ED0E6E63174}" type="slidenum">
              <a:rPr lang="en-US" smtClean="0"/>
              <a:pPr/>
              <a:t>‹#›</a:t>
            </a:fld>
            <a:endParaRPr lang="en-US"/>
          </a:p>
        </p:txBody>
      </p:sp>
    </p:spTree>
    <p:extLst>
      <p:ext uri="{BB962C8B-B14F-4D97-AF65-F5344CB8AC3E}">
        <p14:creationId xmlns:p14="http://schemas.microsoft.com/office/powerpoint/2010/main" val="4287028849"/>
      </p:ext>
    </p:extLst>
  </p:cSld>
  <p:clrMap bg1="lt1" tx1="dk1" bg2="lt2" tx2="dk2" accent1="accent1" accent2="accent2" accent3="accent3" accent4="accent4" accent5="accent5" accent6="accent6" hlink="hlink" folHlink="folHlink"/>
  <p:sldLayoutIdLst>
    <p:sldLayoutId id="2147483649" r:id="rId1"/>
    <p:sldLayoutId id="2147483660" r:id="rId2"/>
    <p:sldLayoutId id="2147483650" r:id="rId3"/>
    <p:sldLayoutId id="2147483651" r:id="rId4"/>
    <p:sldLayoutId id="2147483652" r:id="rId5"/>
    <p:sldLayoutId id="2147483653" r:id="rId6"/>
    <p:sldLayoutId id="2147483654" r:id="rId7"/>
    <p:sldLayoutId id="2147483655" r:id="rId8"/>
    <p:sldLayoutId id="2147483661" r:id="rId9"/>
    <p:sldLayoutId id="2147483662" r:id="rId10"/>
    <p:sldLayoutId id="2147483663" r:id="rId11"/>
    <p:sldLayoutId id="2147483656" r:id="rId12"/>
    <p:sldLayoutId id="2147483657" r:id="rId13"/>
    <p:sldLayoutId id="2147483658" r:id="rId14"/>
    <p:sldLayoutId id="2147483659" r:id="rId15"/>
    <p:sldLayoutId id="2147483664" r:id="rId16"/>
  </p:sldLayoutIdLst>
  <p:txStyles>
    <p:titleStyle>
      <a:lvl1pPr algn="l" defTabSz="914400" rtl="0" eaLnBrk="1" latinLnBrk="0" hangingPunct="1">
        <a:lnSpc>
          <a:spcPct val="90000"/>
        </a:lnSpc>
        <a:spcBef>
          <a:spcPct val="0"/>
        </a:spcBef>
        <a:buNone/>
        <a:defRPr sz="4400" kern="1200">
          <a:solidFill>
            <a:srgbClr val="6C6D70"/>
          </a:solidFill>
          <a:latin typeface="Trebuchet MS" panose="020B060302020202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rgbClr val="6C6D70"/>
          </a:solidFill>
          <a:latin typeface="Trebuchet MS" panose="020B060302020202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rgbClr val="6C6D70"/>
          </a:solidFill>
          <a:latin typeface="Trebuchet MS" panose="020B0603020202020204" pitchFamily="34"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rgbClr val="6C6D70"/>
          </a:solidFill>
          <a:latin typeface="Trebuchet MS" panose="020B0603020202020204" pitchFamily="34"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rgbClr val="6C6D70"/>
          </a:solidFill>
          <a:latin typeface="Trebuchet MS" panose="020B0603020202020204" pitchFamily="34"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rgbClr val="6C6D70"/>
          </a:solidFill>
          <a:latin typeface="Trebuchet MS" panose="020B0603020202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latin typeface="Tahoma" panose="020B0604030504040204" pitchFamily="34" charset="0"/>
                <a:ea typeface="Tahoma" panose="020B0604030504040204" pitchFamily="34" charset="0"/>
                <a:cs typeface="Tahoma" panose="020B0604030504040204" pitchFamily="34" charset="0"/>
              </a:defRPr>
            </a:lvl1pPr>
          </a:lstStyle>
          <a:p>
            <a:fld id="{D83B4790-CDFA-4986-9587-5A3A9AF404C6}" type="datetimeFigureOut">
              <a:rPr lang="en-US" smtClean="0"/>
              <a:pPr/>
              <a:t>11/16/2022</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latin typeface="Tahoma" panose="020B0604030504040204" pitchFamily="34" charset="0"/>
                <a:ea typeface="Tahoma" panose="020B0604030504040204" pitchFamily="34" charset="0"/>
                <a:cs typeface="Tahoma" panose="020B0604030504040204" pitchFamily="34" charset="0"/>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latin typeface="Trebuchet MS" panose="020B0603020202020204" pitchFamily="34" charset="0"/>
              </a:defRPr>
            </a:lvl1pPr>
          </a:lstStyle>
          <a:p>
            <a:fld id="{5BC4BB82-2418-4D35-9A7E-6ED0E6E63174}" type="slidenum">
              <a:rPr lang="en-US" smtClean="0"/>
              <a:pPr/>
              <a:t>‹#›</a:t>
            </a:fld>
            <a:endParaRPr lang="en-US"/>
          </a:p>
        </p:txBody>
      </p:sp>
    </p:spTree>
    <p:extLst>
      <p:ext uri="{BB962C8B-B14F-4D97-AF65-F5344CB8AC3E}">
        <p14:creationId xmlns:p14="http://schemas.microsoft.com/office/powerpoint/2010/main" val="3335630642"/>
      </p:ext>
    </p:extLst>
  </p:cSld>
  <p:clrMap bg1="lt1" tx1="dk1" bg2="lt2" tx2="dk2" accent1="accent1" accent2="accent2" accent3="accent3" accent4="accent4" accent5="accent5" accent6="accent6" hlink="hlink" folHlink="folHlink"/>
  <p:sldLayoutIdLst>
    <p:sldLayoutId id="2147483666" r:id="rId1"/>
    <p:sldLayoutId id="2147483667" r:id="rId2"/>
    <p:sldLayoutId id="2147483668" r:id="rId3"/>
    <p:sldLayoutId id="2147483669" r:id="rId4"/>
    <p:sldLayoutId id="2147483670" r:id="rId5"/>
    <p:sldLayoutId id="2147483671" r:id="rId6"/>
    <p:sldLayoutId id="2147483672" r:id="rId7"/>
    <p:sldLayoutId id="2147483673" r:id="rId8"/>
  </p:sldLayoutIdLst>
  <p:txStyles>
    <p:titleStyle>
      <a:lvl1pPr algn="l" defTabSz="914400" rtl="0" eaLnBrk="1" latinLnBrk="0" hangingPunct="1">
        <a:lnSpc>
          <a:spcPct val="90000"/>
        </a:lnSpc>
        <a:spcBef>
          <a:spcPct val="0"/>
        </a:spcBef>
        <a:buNone/>
        <a:defRPr sz="4400" kern="1200">
          <a:solidFill>
            <a:srgbClr val="6C6D70"/>
          </a:solidFill>
          <a:latin typeface="Tahoma" panose="020B0604030504040204" pitchFamily="34" charset="0"/>
          <a:ea typeface="Tahoma" panose="020B0604030504040204" pitchFamily="34" charset="0"/>
          <a:cs typeface="Tahoma" panose="020B0604030504040204" pitchFamily="34" charset="0"/>
        </a:defRPr>
      </a:lvl1pPr>
    </p:titleStyle>
    <p:bodyStyle>
      <a:lvl1pPr marL="228600" indent="-228600" algn="l" defTabSz="914400" rtl="0" eaLnBrk="1" latinLnBrk="0" hangingPunct="1">
        <a:lnSpc>
          <a:spcPct val="90000"/>
        </a:lnSpc>
        <a:spcBef>
          <a:spcPts val="1000"/>
        </a:spcBef>
        <a:buFont typeface="Wingdings" panose="05000000000000000000" pitchFamily="2" charset="2"/>
        <a:buChar char="§"/>
        <a:defRPr sz="2800" kern="1200">
          <a:solidFill>
            <a:srgbClr val="6C6D70"/>
          </a:solidFill>
          <a:latin typeface="Tahoma" panose="020B0604030504040204" pitchFamily="34" charset="0"/>
          <a:ea typeface="Tahoma" panose="020B0604030504040204" pitchFamily="34" charset="0"/>
          <a:cs typeface="Tahoma" panose="020B0604030504040204" pitchFamily="34" charset="0"/>
        </a:defRPr>
      </a:lvl1pPr>
      <a:lvl2pPr marL="685800" indent="-228600" algn="l" defTabSz="914400" rtl="0" eaLnBrk="1" latinLnBrk="0" hangingPunct="1">
        <a:lnSpc>
          <a:spcPct val="90000"/>
        </a:lnSpc>
        <a:spcBef>
          <a:spcPts val="500"/>
        </a:spcBef>
        <a:buFont typeface="Wingdings" panose="05000000000000000000" pitchFamily="2" charset="2"/>
        <a:buChar char="§"/>
        <a:defRPr sz="2400" kern="1200">
          <a:solidFill>
            <a:srgbClr val="6C6D70"/>
          </a:solidFill>
          <a:latin typeface="Tahoma" panose="020B0604030504040204" pitchFamily="34" charset="0"/>
          <a:ea typeface="Tahoma" panose="020B0604030504040204" pitchFamily="34" charset="0"/>
          <a:cs typeface="Tahoma" panose="020B0604030504040204" pitchFamily="34" charset="0"/>
        </a:defRPr>
      </a:lvl2pPr>
      <a:lvl3pPr marL="1143000" indent="-228600" algn="l" defTabSz="914400" rtl="0" eaLnBrk="1" latinLnBrk="0" hangingPunct="1">
        <a:lnSpc>
          <a:spcPct val="90000"/>
        </a:lnSpc>
        <a:spcBef>
          <a:spcPts val="500"/>
        </a:spcBef>
        <a:buFont typeface="Wingdings" panose="05000000000000000000" pitchFamily="2" charset="2"/>
        <a:buChar char="§"/>
        <a:defRPr sz="2000" kern="1200">
          <a:solidFill>
            <a:srgbClr val="6C6D70"/>
          </a:solidFill>
          <a:latin typeface="Tahoma" panose="020B0604030504040204" pitchFamily="34" charset="0"/>
          <a:ea typeface="Tahoma" panose="020B0604030504040204" pitchFamily="34" charset="0"/>
          <a:cs typeface="Tahoma" panose="020B0604030504040204" pitchFamily="34" charset="0"/>
        </a:defRPr>
      </a:lvl3pPr>
      <a:lvl4pPr marL="16002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ahoma" panose="020B0604030504040204" pitchFamily="34" charset="0"/>
          <a:ea typeface="Tahoma" panose="020B0604030504040204" pitchFamily="34" charset="0"/>
          <a:cs typeface="Tahoma" panose="020B0604030504040204" pitchFamily="34" charset="0"/>
        </a:defRPr>
      </a:lvl4pPr>
      <a:lvl5pPr marL="20574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ahoma" panose="020B0604030504040204" pitchFamily="34" charset="0"/>
          <a:ea typeface="Tahoma" panose="020B0604030504040204" pitchFamily="34" charset="0"/>
          <a:cs typeface="Tahoma" panose="020B060403050404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6.xml"/></Relationships>
</file>

<file path=ppt/slides/_rels/slide11.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6.xml"/></Relationships>
</file>

<file path=ppt/slides/_rels/slide12.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6.xml"/></Relationships>
</file>

<file path=ppt/slides/_rels/slide13.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20.png"/><Relationship Id="rId1" Type="http://schemas.openxmlformats.org/officeDocument/2006/relationships/slideLayout" Target="../slideLayouts/slideLayout16.xml"/></Relationships>
</file>

<file path=ppt/slides/_rels/slide14.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6.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7.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19.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16.xml"/><Relationship Id="rId2" Type="http://schemas.openxmlformats.org/officeDocument/2006/relationships/tags" Target="../tags/tag2.xml"/><Relationship Id="rId1" Type="http://schemas.openxmlformats.org/officeDocument/2006/relationships/tags" Target="../tags/tag1.xml"/></Relationships>
</file>

<file path=ppt/slides/_rels/slide22.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16.xml"/></Relationships>
</file>

<file path=ppt/slides/_rels/slide23.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1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6.xml"/><Relationship Id="rId1" Type="http://schemas.openxmlformats.org/officeDocument/2006/relationships/slideLayout" Target="../slideLayouts/slideLayout23.xml"/><Relationship Id="rId5" Type="http://schemas.openxmlformats.org/officeDocument/2006/relationships/image" Target="../media/image27.png"/><Relationship Id="rId4" Type="http://schemas.openxmlformats.org/officeDocument/2006/relationships/image" Target="../media/image26.pn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16.xml"/><Relationship Id="rId2" Type="http://schemas.openxmlformats.org/officeDocument/2006/relationships/tags" Target="../tags/tag4.xml"/><Relationship Id="rId1" Type="http://schemas.openxmlformats.org/officeDocument/2006/relationships/tags" Target="../tags/tag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xml"/><Relationship Id="rId1" Type="http://schemas.openxmlformats.org/officeDocument/2006/relationships/slideLayout" Target="../slideLayouts/slideLayout18.xml"/><Relationship Id="rId5" Type="http://schemas.openxmlformats.org/officeDocument/2006/relationships/image" Target="../media/image14.jpeg"/><Relationship Id="rId4" Type="http://schemas.openxmlformats.org/officeDocument/2006/relationships/image" Target="../media/image13.png"/></Relationships>
</file>

<file path=ppt/slides/_rels/slide5.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6.xml"/></Relationships>
</file>

<file path=ppt/slides/_rels/slide6.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16.xml"/></Relationships>
</file>

<file path=ppt/slides/_rels/slide7.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xml"/><Relationship Id="rId1" Type="http://schemas.openxmlformats.org/officeDocument/2006/relationships/slideLayout" Target="../slideLayouts/slideLayout16.xml"/></Relationships>
</file>

<file path=ppt/slides/_rels/slide8.xml.rels><?xml version="1.0" encoding="UTF-8" standalone="yes"?>
<Relationships xmlns="http://schemas.openxmlformats.org/package/2006/relationships"><Relationship Id="rId8" Type="http://schemas.openxmlformats.org/officeDocument/2006/relationships/image" Target="../media/image19.svg"/><Relationship Id="rId3" Type="http://schemas.openxmlformats.org/officeDocument/2006/relationships/image" Target="../media/image16.png"/><Relationship Id="rId7" Type="http://schemas.openxmlformats.org/officeDocument/2006/relationships/image" Target="../media/image18.png"/><Relationship Id="rId2" Type="http://schemas.openxmlformats.org/officeDocument/2006/relationships/notesSlide" Target="../notesSlides/notesSlide3.xml"/><Relationship Id="rId1" Type="http://schemas.openxmlformats.org/officeDocument/2006/relationships/slideLayout" Target="../slideLayouts/slideLayout16.xml"/><Relationship Id="rId6" Type="http://schemas.openxmlformats.org/officeDocument/2006/relationships/image" Target="../media/image17.png"/><Relationship Id="rId5" Type="http://schemas.openxmlformats.org/officeDocument/2006/relationships/image" Target="../media/image14.jpeg"/><Relationship Id="rId4" Type="http://schemas.openxmlformats.org/officeDocument/2006/relationships/image" Target="../media/image12.png"/></Relationships>
</file>

<file path=ppt/slides/_rels/slide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4769708" y="2107992"/>
            <a:ext cx="7422292" cy="2387600"/>
          </a:xfrm>
        </p:spPr>
        <p:txBody>
          <a:bodyPr>
            <a:normAutofit/>
          </a:bodyPr>
          <a:lstStyle/>
          <a:p>
            <a:r>
              <a:rPr lang="en-US" sz="4000" dirty="0">
                <a:latin typeface="Tahoma" panose="020B0604030504040204" pitchFamily="34" charset="0"/>
                <a:ea typeface="Tahoma" panose="020B0604030504040204" pitchFamily="34" charset="0"/>
                <a:cs typeface="Tahoma" panose="020B0604030504040204" pitchFamily="34" charset="0"/>
              </a:rPr>
              <a:t>Palm Beach County</a:t>
            </a:r>
            <a:br>
              <a:rPr lang="en-US" sz="4000" dirty="0">
                <a:latin typeface="Tahoma" panose="020B0604030504040204" pitchFamily="34" charset="0"/>
                <a:ea typeface="Tahoma" panose="020B0604030504040204" pitchFamily="34" charset="0"/>
                <a:cs typeface="Tahoma" panose="020B0604030504040204" pitchFamily="34" charset="0"/>
              </a:rPr>
            </a:br>
            <a:r>
              <a:rPr lang="en-US" sz="4000" dirty="0">
                <a:latin typeface="Tahoma" panose="020B0604030504040204" pitchFamily="34" charset="0"/>
                <a:ea typeface="Tahoma" panose="020B0604030504040204" pitchFamily="34" charset="0"/>
                <a:cs typeface="Tahoma" panose="020B0604030504040204" pitchFamily="34" charset="0"/>
              </a:rPr>
              <a:t>Transportation Disadvantaged</a:t>
            </a:r>
            <a:br>
              <a:rPr lang="en-US" sz="4000" dirty="0">
                <a:latin typeface="Tahoma" panose="020B0604030504040204" pitchFamily="34" charset="0"/>
                <a:ea typeface="Tahoma" panose="020B0604030504040204" pitchFamily="34" charset="0"/>
                <a:cs typeface="Tahoma" panose="020B0604030504040204" pitchFamily="34" charset="0"/>
              </a:rPr>
            </a:br>
            <a:r>
              <a:rPr lang="en-US" sz="4000" dirty="0">
                <a:latin typeface="Tahoma" panose="020B0604030504040204" pitchFamily="34" charset="0"/>
                <a:ea typeface="Tahoma" panose="020B0604030504040204" pitchFamily="34" charset="0"/>
                <a:cs typeface="Tahoma" panose="020B0604030504040204" pitchFamily="34" charset="0"/>
              </a:rPr>
              <a:t>Local Coordinating Board</a:t>
            </a:r>
            <a:br>
              <a:rPr lang="en-US" sz="4000" dirty="0">
                <a:latin typeface="Tahoma" panose="020B0604030504040204" pitchFamily="34" charset="0"/>
                <a:ea typeface="Tahoma" panose="020B0604030504040204" pitchFamily="34" charset="0"/>
                <a:cs typeface="Tahoma" panose="020B0604030504040204" pitchFamily="34" charset="0"/>
              </a:rPr>
            </a:br>
            <a:r>
              <a:rPr lang="en-US" sz="4000" b="1" dirty="0">
                <a:latin typeface="Tahoma" panose="020B0604030504040204" pitchFamily="34" charset="0"/>
                <a:ea typeface="Tahoma" panose="020B0604030504040204" pitchFamily="34" charset="0"/>
                <a:cs typeface="Tahoma" panose="020B0604030504040204" pitchFamily="34" charset="0"/>
              </a:rPr>
              <a:t>Member Training</a:t>
            </a:r>
            <a:endParaRPr lang="en-US" sz="4000" dirty="0">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01148162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a:latin typeface="Tahoma" panose="020B0604030504040204" pitchFamily="34" charset="0"/>
                <a:ea typeface="Tahoma" panose="020B0604030504040204" pitchFamily="34" charset="0"/>
                <a:cs typeface="Tahoma" panose="020B0604030504040204" pitchFamily="34" charset="0"/>
              </a:rPr>
              <a:t>Transportation Disadvantaged Program</a:t>
            </a:r>
            <a:endParaRPr lang="en-US"/>
          </a:p>
        </p:txBody>
      </p:sp>
      <p:pic>
        <p:nvPicPr>
          <p:cNvPr id="8" name="Picture 7" descr="Chart explaining organization of Transportation Disadvantaged Program.">
            <a:extLst>
              <a:ext uri="{FF2B5EF4-FFF2-40B4-BE49-F238E27FC236}">
                <a16:creationId xmlns:a16="http://schemas.microsoft.com/office/drawing/2014/main" id="{A74C77A8-B875-61B4-0671-59662771975B}"/>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2878" t="7469" r="2878" b="17885"/>
          <a:stretch/>
        </p:blipFill>
        <p:spPr>
          <a:xfrm>
            <a:off x="1954228" y="1701494"/>
            <a:ext cx="8071547" cy="4655757"/>
          </a:xfrm>
          <a:prstGeom prst="rect">
            <a:avLst/>
          </a:prstGeom>
        </p:spPr>
      </p:pic>
      <p:sp>
        <p:nvSpPr>
          <p:cNvPr id="9" name="Rectangle 8">
            <a:extLst>
              <a:ext uri="{FF2B5EF4-FFF2-40B4-BE49-F238E27FC236}">
                <a16:creationId xmlns:a16="http://schemas.microsoft.com/office/drawing/2014/main" id="{409871E0-B7BD-9CFB-28BE-4DF84D1CE16D}"/>
              </a:ext>
            </a:extLst>
          </p:cNvPr>
          <p:cNvSpPr/>
          <p:nvPr/>
        </p:nvSpPr>
        <p:spPr>
          <a:xfrm>
            <a:off x="5000625" y="3324225"/>
            <a:ext cx="2247900" cy="742950"/>
          </a:xfrm>
          <a:prstGeom prst="rect">
            <a:avLst/>
          </a:prstGeom>
          <a:noFill/>
          <a:ln w="28575">
            <a:solidFill>
              <a:srgbClr val="F54D5A"/>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16782064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2466923-4D41-4DCD-9587-2855C0719472}"/>
              </a:ext>
            </a:extLst>
          </p:cNvPr>
          <p:cNvSpPr>
            <a:spLocks noGrp="1"/>
          </p:cNvSpPr>
          <p:nvPr>
            <p:ph idx="1"/>
          </p:nvPr>
        </p:nvSpPr>
        <p:spPr>
          <a:xfrm>
            <a:off x="838200" y="1825626"/>
            <a:ext cx="7843684" cy="4212710"/>
          </a:xfrm>
        </p:spPr>
        <p:txBody>
          <a:bodyPr/>
          <a:lstStyle/>
          <a:p>
            <a:pPr marL="0" indent="0">
              <a:lnSpc>
                <a:spcPct val="170000"/>
              </a:lnSpc>
              <a:buNone/>
            </a:pP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Transportation entity that ensures coordinated transportation services are provided to serve the transportation disadvantaged population.</a:t>
            </a:r>
          </a:p>
          <a:p>
            <a:pPr marL="0" indent="0">
              <a:lnSpc>
                <a:spcPct val="170000"/>
              </a:lnSpc>
              <a:buNone/>
            </a:pPr>
            <a:endParaRPr lang="en-US" sz="2400" dirty="0">
              <a:solidFill>
                <a:srgbClr val="6C6D70"/>
              </a:solidFill>
              <a:latin typeface="Tahoma" panose="020B0604030504040204" pitchFamily="34" charset="0"/>
              <a:ea typeface="Tahoma" panose="020B0604030504040204" pitchFamily="34" charset="0"/>
              <a:cs typeface="Tahoma" panose="020B0604030504040204" pitchFamily="34" charset="0"/>
            </a:endParaRP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sz="4400">
                <a:latin typeface="Tahoma" panose="020B0604030504040204" pitchFamily="34" charset="0"/>
                <a:ea typeface="Tahoma" panose="020B0604030504040204" pitchFamily="34" charset="0"/>
                <a:cs typeface="Tahoma" panose="020B0604030504040204" pitchFamily="34" charset="0"/>
              </a:rPr>
              <a:t>Community Transportation Coordinator (CTC)</a:t>
            </a:r>
            <a:endParaRPr lang="en-US"/>
          </a:p>
        </p:txBody>
      </p:sp>
      <p:sp>
        <p:nvSpPr>
          <p:cNvPr id="7" name="TextBox 6">
            <a:extLst>
              <a:ext uri="{FF2B5EF4-FFF2-40B4-BE49-F238E27FC236}">
                <a16:creationId xmlns:a16="http://schemas.microsoft.com/office/drawing/2014/main" id="{6F575AE9-7967-A3A7-5D5A-D77311F86316}"/>
              </a:ext>
            </a:extLst>
          </p:cNvPr>
          <p:cNvSpPr txBox="1"/>
          <p:nvPr/>
        </p:nvSpPr>
        <p:spPr>
          <a:xfrm>
            <a:off x="838200" y="5245387"/>
            <a:ext cx="10246111" cy="1204817"/>
          </a:xfrm>
          <a:prstGeom prst="rect">
            <a:avLst/>
          </a:prstGeom>
          <a:noFill/>
        </p:spPr>
        <p:txBody>
          <a:bodyPr wrap="square">
            <a:spAutoFit/>
          </a:bodyPr>
          <a:lstStyle/>
          <a:p>
            <a:pPr>
              <a:lnSpc>
                <a:spcPct val="150000"/>
              </a:lnSpc>
              <a:defRPr/>
            </a:pPr>
            <a:r>
              <a:rPr kumimoji="0" lang="en-US" sz="2400" b="1" i="0" u="none" strike="noStrike" kern="1200" cap="none" spc="0" normalizeH="0" baseline="0" noProof="0">
                <a:ln>
                  <a:noFill/>
                </a:ln>
                <a:solidFill>
                  <a:srgbClr val="1C75BB"/>
                </a:solidFill>
                <a:effectLst/>
                <a:uLnTx/>
                <a:uFillTx/>
                <a:latin typeface="Tahoma" panose="020B0604030504040204" pitchFamily="34" charset="0"/>
                <a:ea typeface="Tahoma" panose="020B0604030504040204" pitchFamily="34" charset="0"/>
                <a:cs typeface="Tahoma" panose="020B0604030504040204" pitchFamily="34" charset="0"/>
              </a:rPr>
              <a:t>In Palm Beach County, the CTC is Palm Tran Connection.</a:t>
            </a:r>
          </a:p>
          <a:p>
            <a:pPr marL="0" marR="0" lvl="0" indent="0" algn="l" defTabSz="914400" rtl="0" eaLnBrk="1" fontAlgn="auto" latinLnBrk="0" hangingPunct="1">
              <a:lnSpc>
                <a:spcPct val="150000"/>
              </a:lnSpc>
              <a:spcBef>
                <a:spcPts val="0"/>
              </a:spcBef>
              <a:spcAft>
                <a:spcPts val="0"/>
              </a:spcAft>
              <a:buClrTx/>
              <a:buSzTx/>
              <a:buFontTx/>
              <a:buNone/>
              <a:tabLst/>
              <a:defRPr/>
            </a:pPr>
            <a:endParaRPr kumimoji="0" lang="en-US" sz="2800" b="1" i="0" u="none" strike="noStrike" kern="1200" cap="none" spc="0" normalizeH="0" baseline="0" noProof="0">
              <a:ln>
                <a:noFill/>
              </a:ln>
              <a:solidFill>
                <a:srgbClr val="1C75BB"/>
              </a:solidFill>
              <a:effectLst/>
              <a:uLnTx/>
              <a:uFillTx/>
              <a:latin typeface="Tahoma" panose="020B0604030504040204" pitchFamily="34" charset="0"/>
              <a:ea typeface="Tahoma" panose="020B0604030504040204" pitchFamily="34" charset="0"/>
              <a:cs typeface="Tahoma" panose="020B0604030504040204" pitchFamily="34" charset="0"/>
            </a:endParaRPr>
          </a:p>
        </p:txBody>
      </p:sp>
      <p:pic>
        <p:nvPicPr>
          <p:cNvPr id="8" name="Picture 7" descr="Palm Tran Connection logo">
            <a:extLst>
              <a:ext uri="{FF2B5EF4-FFF2-40B4-BE49-F238E27FC236}">
                <a16:creationId xmlns:a16="http://schemas.microsoft.com/office/drawing/2014/main" id="{35A1B534-156F-E6E2-1CB7-05944F7FFE2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356062" y="1937297"/>
            <a:ext cx="3256065" cy="1491703"/>
          </a:xfrm>
          <a:prstGeom prst="rect">
            <a:avLst/>
          </a:prstGeom>
        </p:spPr>
      </p:pic>
    </p:spTree>
    <p:extLst>
      <p:ext uri="{BB962C8B-B14F-4D97-AF65-F5344CB8AC3E}">
        <p14:creationId xmlns:p14="http://schemas.microsoft.com/office/powerpoint/2010/main" val="400193854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a:latin typeface="Tahoma" panose="020B0604030504040204" pitchFamily="34" charset="0"/>
                <a:ea typeface="Tahoma" panose="020B0604030504040204" pitchFamily="34" charset="0"/>
                <a:cs typeface="Tahoma" panose="020B0604030504040204" pitchFamily="34" charset="0"/>
              </a:rPr>
              <a:t>Transportation Disadvantaged Program</a:t>
            </a:r>
            <a:endParaRPr lang="en-US"/>
          </a:p>
        </p:txBody>
      </p:sp>
      <p:pic>
        <p:nvPicPr>
          <p:cNvPr id="8" name="Picture 7" descr="Chart explaining organization of Transportation Disadvantaged Program.">
            <a:extLst>
              <a:ext uri="{FF2B5EF4-FFF2-40B4-BE49-F238E27FC236}">
                <a16:creationId xmlns:a16="http://schemas.microsoft.com/office/drawing/2014/main" id="{A74C77A8-B875-61B4-0671-59662771975B}"/>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2878" t="7469" r="2878" b="17885"/>
          <a:stretch/>
        </p:blipFill>
        <p:spPr>
          <a:xfrm>
            <a:off x="1954228" y="1701494"/>
            <a:ext cx="8071547" cy="4655757"/>
          </a:xfrm>
          <a:prstGeom prst="rect">
            <a:avLst/>
          </a:prstGeom>
        </p:spPr>
      </p:pic>
      <p:sp>
        <p:nvSpPr>
          <p:cNvPr id="9" name="Rectangle 8">
            <a:extLst>
              <a:ext uri="{FF2B5EF4-FFF2-40B4-BE49-F238E27FC236}">
                <a16:creationId xmlns:a16="http://schemas.microsoft.com/office/drawing/2014/main" id="{409871E0-B7BD-9CFB-28BE-4DF84D1CE16D}"/>
              </a:ext>
            </a:extLst>
          </p:cNvPr>
          <p:cNvSpPr/>
          <p:nvPr/>
        </p:nvSpPr>
        <p:spPr>
          <a:xfrm>
            <a:off x="4972050" y="4413556"/>
            <a:ext cx="2247900" cy="742950"/>
          </a:xfrm>
          <a:prstGeom prst="rect">
            <a:avLst/>
          </a:prstGeom>
          <a:noFill/>
          <a:ln w="28575">
            <a:solidFill>
              <a:srgbClr val="F54D5A"/>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30755862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2466923-4D41-4DCD-9587-2855C0719472}"/>
              </a:ext>
            </a:extLst>
          </p:cNvPr>
          <p:cNvSpPr>
            <a:spLocks noGrp="1"/>
          </p:cNvSpPr>
          <p:nvPr>
            <p:ph idx="1"/>
          </p:nvPr>
        </p:nvSpPr>
        <p:spPr>
          <a:xfrm>
            <a:off x="838200" y="1825626"/>
            <a:ext cx="6772275" cy="4212710"/>
          </a:xfrm>
        </p:spPr>
        <p:txBody>
          <a:bodyPr/>
          <a:lstStyle/>
          <a:p>
            <a:pPr marL="0" indent="0">
              <a:lnSpc>
                <a:spcPct val="170000"/>
              </a:lnSpc>
              <a:buNone/>
            </a:pP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The LCB is an advisory board, established by Florida Statutes to advise the CTD and CTC about local concerns and issues.</a:t>
            </a:r>
          </a:p>
          <a:p>
            <a:pPr marL="0" indent="0">
              <a:lnSpc>
                <a:spcPct val="170000"/>
              </a:lnSpc>
              <a:buNone/>
            </a:pPr>
            <a:endParaRPr lang="en-US" sz="2400" dirty="0">
              <a:solidFill>
                <a:srgbClr val="6C6D70"/>
              </a:solidFill>
              <a:latin typeface="Tahoma" panose="020B0604030504040204" pitchFamily="34" charset="0"/>
              <a:ea typeface="Tahoma" panose="020B0604030504040204" pitchFamily="34" charset="0"/>
              <a:cs typeface="Tahoma" panose="020B0604030504040204" pitchFamily="34" charset="0"/>
            </a:endParaRP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sz="4400">
                <a:latin typeface="Tahoma" panose="020B0604030504040204" pitchFamily="34" charset="0"/>
                <a:ea typeface="Tahoma" panose="020B0604030504040204" pitchFamily="34" charset="0"/>
                <a:cs typeface="Tahoma" panose="020B0604030504040204" pitchFamily="34" charset="0"/>
              </a:rPr>
              <a:t>Local Coordinating Board (LCB)</a:t>
            </a:r>
            <a:endParaRPr lang="en-US"/>
          </a:p>
        </p:txBody>
      </p:sp>
      <p:pic>
        <p:nvPicPr>
          <p:cNvPr id="6" name="Graphic 5">
            <a:extLst>
              <a:ext uri="{FF2B5EF4-FFF2-40B4-BE49-F238E27FC236}">
                <a16:creationId xmlns:a16="http://schemas.microsoft.com/office/drawing/2014/main" id="{8CC1BA0E-C1BF-9295-82BA-7B7794BD8178}"/>
              </a:ext>
              <a:ext uri="{C183D7F6-B498-43B3-948B-1728B52AA6E4}">
                <adec:decorative xmlns:adec="http://schemas.microsoft.com/office/drawing/2017/decorative" val="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84525" y="2121545"/>
            <a:ext cx="2333081" cy="2333081"/>
          </a:xfrm>
          <a:prstGeom prst="rect">
            <a:avLst/>
          </a:prstGeom>
        </p:spPr>
      </p:pic>
    </p:spTree>
    <p:extLst>
      <p:ext uri="{BB962C8B-B14F-4D97-AF65-F5344CB8AC3E}">
        <p14:creationId xmlns:p14="http://schemas.microsoft.com/office/powerpoint/2010/main" val="170771439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a:latin typeface="Tahoma" panose="020B0604030504040204" pitchFamily="34" charset="0"/>
                <a:ea typeface="Tahoma" panose="020B0604030504040204" pitchFamily="34" charset="0"/>
                <a:cs typeface="Tahoma" panose="020B0604030504040204" pitchFamily="34" charset="0"/>
              </a:rPr>
              <a:t>Transportation Disadvantaged Program</a:t>
            </a:r>
            <a:endParaRPr lang="en-US"/>
          </a:p>
        </p:txBody>
      </p:sp>
      <p:pic>
        <p:nvPicPr>
          <p:cNvPr id="8" name="Picture 7" descr="Chart explaining organization of Transportation Disadvantaged Program.">
            <a:extLst>
              <a:ext uri="{FF2B5EF4-FFF2-40B4-BE49-F238E27FC236}">
                <a16:creationId xmlns:a16="http://schemas.microsoft.com/office/drawing/2014/main" id="{A74C77A8-B875-61B4-0671-59662771975B}"/>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2878" t="7469" r="2878" b="17885"/>
          <a:stretch/>
        </p:blipFill>
        <p:spPr>
          <a:xfrm>
            <a:off x="1954228" y="1701494"/>
            <a:ext cx="8071547" cy="4655757"/>
          </a:xfrm>
          <a:prstGeom prst="rect">
            <a:avLst/>
          </a:prstGeom>
        </p:spPr>
      </p:pic>
      <p:sp>
        <p:nvSpPr>
          <p:cNvPr id="9" name="Rectangle 8">
            <a:extLst>
              <a:ext uri="{FF2B5EF4-FFF2-40B4-BE49-F238E27FC236}">
                <a16:creationId xmlns:a16="http://schemas.microsoft.com/office/drawing/2014/main" id="{409871E0-B7BD-9CFB-28BE-4DF84D1CE16D}"/>
              </a:ext>
            </a:extLst>
          </p:cNvPr>
          <p:cNvSpPr/>
          <p:nvPr/>
        </p:nvSpPr>
        <p:spPr>
          <a:xfrm>
            <a:off x="2202511" y="3351475"/>
            <a:ext cx="2238292" cy="711642"/>
          </a:xfrm>
          <a:prstGeom prst="rect">
            <a:avLst/>
          </a:prstGeom>
          <a:noFill/>
          <a:ln w="28575">
            <a:solidFill>
              <a:srgbClr val="F54D5A"/>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8149515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73D351-0C07-414D-B4BF-BBE5F1F83375}"/>
              </a:ext>
            </a:extLst>
          </p:cNvPr>
          <p:cNvSpPr>
            <a:spLocks noGrp="1"/>
          </p:cNvSpPr>
          <p:nvPr>
            <p:ph type="ctrTitle"/>
          </p:nvPr>
        </p:nvSpPr>
        <p:spPr>
          <a:xfrm>
            <a:off x="4126478" y="2209123"/>
            <a:ext cx="7422292" cy="2439753"/>
          </a:xfrm>
        </p:spPr>
        <p:txBody>
          <a:bodyPr anchor="ctr">
            <a:normAutofit fontScale="90000"/>
          </a:bodyPr>
          <a:lstStyle/>
          <a:p>
            <a:r>
              <a:rPr lang="en-US" dirty="0">
                <a:solidFill>
                  <a:schemeClr val="bg1"/>
                </a:solidFill>
                <a:latin typeface="Tahoma" panose="020B0604030504040204" pitchFamily="34" charset="0"/>
                <a:ea typeface="Tahoma" panose="020B0604030504040204" pitchFamily="34" charset="0"/>
                <a:cs typeface="Tahoma" panose="020B0604030504040204" pitchFamily="34" charset="0"/>
              </a:rPr>
              <a:t>Local Coordinating Board (LCB) Overview</a:t>
            </a:r>
            <a:endParaRPr lang="en-US" dirty="0"/>
          </a:p>
        </p:txBody>
      </p:sp>
    </p:spTree>
    <p:extLst>
      <p:ext uri="{BB962C8B-B14F-4D97-AF65-F5344CB8AC3E}">
        <p14:creationId xmlns:p14="http://schemas.microsoft.com/office/powerpoint/2010/main" val="326110931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a:latin typeface="Tahoma" panose="020B0604030504040204" pitchFamily="34" charset="0"/>
                <a:ea typeface="Tahoma" panose="020B0604030504040204" pitchFamily="34" charset="0"/>
                <a:cs typeface="Tahoma" panose="020B0604030504040204" pitchFamily="34" charset="0"/>
              </a:rPr>
              <a:t>LCB Overview</a:t>
            </a:r>
            <a:endParaRPr lang="en-US"/>
          </a:p>
        </p:txBody>
      </p:sp>
      <p:sp>
        <p:nvSpPr>
          <p:cNvPr id="5" name="Content Placeholder 2">
            <a:extLst>
              <a:ext uri="{FF2B5EF4-FFF2-40B4-BE49-F238E27FC236}">
                <a16:creationId xmlns:a16="http://schemas.microsoft.com/office/drawing/2014/main" id="{574C40C1-F82E-071A-AD43-DC214A957B28}"/>
              </a:ext>
            </a:extLst>
          </p:cNvPr>
          <p:cNvSpPr>
            <a:spLocks noGrp="1"/>
          </p:cNvSpPr>
          <p:nvPr>
            <p:ph idx="1"/>
          </p:nvPr>
        </p:nvSpPr>
        <p:spPr>
          <a:xfrm>
            <a:off x="1063869" y="1515759"/>
            <a:ext cx="10064262" cy="4536707"/>
          </a:xfrm>
        </p:spPr>
        <p:txBody>
          <a:bodyPr>
            <a:normAutofit lnSpcReduction="10000"/>
          </a:bodyPr>
          <a:lstStyle/>
          <a:p>
            <a:pPr marL="0" indent="0">
              <a:buNone/>
            </a:pPr>
            <a:r>
              <a:rPr lang="en-US" dirty="0">
                <a:solidFill>
                  <a:srgbClr val="1C75BB"/>
                </a:solidFill>
                <a:latin typeface="Tahoma" panose="020B0604030504040204" pitchFamily="34" charset="0"/>
                <a:ea typeface="Tahoma" panose="020B0604030504040204" pitchFamily="34" charset="0"/>
                <a:cs typeface="Tahoma" panose="020B0604030504040204" pitchFamily="34" charset="0"/>
              </a:rPr>
              <a:t>The Local Coordinating Board (LCB) is…</a:t>
            </a:r>
          </a:p>
          <a:p>
            <a:pPr marL="0" indent="0">
              <a:buNone/>
            </a:pPr>
            <a:r>
              <a:rPr lang="en-US" dirty="0">
                <a:latin typeface="Tahoma" panose="020B0604030504040204" pitchFamily="34" charset="0"/>
                <a:ea typeface="Tahoma" panose="020B0604030504040204" pitchFamily="34" charset="0"/>
                <a:cs typeface="Tahoma" panose="020B0604030504040204" pitchFamily="34" charset="0"/>
              </a:rPr>
              <a:t> </a:t>
            </a:r>
          </a:p>
          <a:p>
            <a:pPr marL="457200" lvl="1" indent="0" algn="just">
              <a:lnSpc>
                <a:spcPct val="150000"/>
              </a:lnSpc>
              <a:buNone/>
            </a:pPr>
            <a:r>
              <a:rPr lang="en-US" sz="2800" dirty="0">
                <a:latin typeface="Tahoma" panose="020B0604030504040204" pitchFamily="34" charset="0"/>
                <a:ea typeface="Tahoma" panose="020B0604030504040204" pitchFamily="34" charset="0"/>
                <a:cs typeface="Tahoma" panose="020B0604030504040204" pitchFamily="34" charset="0"/>
              </a:rPr>
              <a:t>“</a:t>
            </a:r>
            <a:r>
              <a:rPr lang="en-US" sz="2800" b="0" i="0" dirty="0">
                <a:effectLst/>
                <a:latin typeface="Tahoma" panose="020B0604030504040204" pitchFamily="34" charset="0"/>
                <a:ea typeface="Tahoma" panose="020B0604030504040204" pitchFamily="34" charset="0"/>
                <a:cs typeface="Tahoma" panose="020B0604030504040204" pitchFamily="34" charset="0"/>
              </a:rPr>
              <a:t>an </a:t>
            </a:r>
            <a:r>
              <a:rPr lang="en-US" sz="2800" b="1" i="0" dirty="0">
                <a:effectLst/>
                <a:latin typeface="Tahoma" panose="020B0604030504040204" pitchFamily="34" charset="0"/>
                <a:ea typeface="Tahoma" panose="020B0604030504040204" pitchFamily="34" charset="0"/>
                <a:cs typeface="Tahoma" panose="020B0604030504040204" pitchFamily="34" charset="0"/>
              </a:rPr>
              <a:t>advisory entity </a:t>
            </a:r>
            <a:r>
              <a:rPr lang="en-US" sz="2800" b="0" i="0" dirty="0">
                <a:effectLst/>
                <a:latin typeface="Tahoma" panose="020B0604030504040204" pitchFamily="34" charset="0"/>
                <a:ea typeface="Tahoma" panose="020B0604030504040204" pitchFamily="34" charset="0"/>
                <a:cs typeface="Tahoma" panose="020B0604030504040204" pitchFamily="34" charset="0"/>
              </a:rPr>
              <a:t>in each designated service area composed of representatives appointed by the metropolitan planning organization or designated official planning agency, to </a:t>
            </a:r>
            <a:r>
              <a:rPr lang="en-US" sz="2800" b="1" i="0" dirty="0">
                <a:effectLst/>
                <a:latin typeface="Tahoma" panose="020B0604030504040204" pitchFamily="34" charset="0"/>
                <a:ea typeface="Tahoma" panose="020B0604030504040204" pitchFamily="34" charset="0"/>
                <a:cs typeface="Tahoma" panose="020B0604030504040204" pitchFamily="34" charset="0"/>
              </a:rPr>
              <a:t>provide assistance to the community transportation coordinator</a:t>
            </a:r>
            <a:r>
              <a:rPr lang="en-US" sz="2800" b="0" i="0" dirty="0">
                <a:effectLst/>
                <a:latin typeface="Tahoma" panose="020B0604030504040204" pitchFamily="34" charset="0"/>
                <a:ea typeface="Tahoma" panose="020B0604030504040204" pitchFamily="34" charset="0"/>
                <a:cs typeface="Tahoma" panose="020B0604030504040204" pitchFamily="34" charset="0"/>
              </a:rPr>
              <a:t> relative to the coordination of transportation services.” (F.S. 427.011)</a:t>
            </a:r>
            <a:endParaRPr lang="en-US" sz="2800" dirty="0">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412498030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AF87DDB2-917B-AE5E-30C9-C82727C7223F}"/>
              </a:ext>
            </a:extLst>
          </p:cNvPr>
          <p:cNvSpPr>
            <a:spLocks noGrp="1"/>
          </p:cNvSpPr>
          <p:nvPr>
            <p:ph sz="half" idx="1"/>
          </p:nvPr>
        </p:nvSpPr>
        <p:spPr>
          <a:xfrm>
            <a:off x="376563" y="1461830"/>
            <a:ext cx="5129502" cy="4237424"/>
          </a:xfrm>
        </p:spPr>
        <p:txBody>
          <a:bodyPr>
            <a:noAutofit/>
          </a:bodyPr>
          <a:lstStyle/>
          <a:p>
            <a:pPr marL="0" indent="0">
              <a:lnSpc>
                <a:spcPct val="150000"/>
              </a:lnSpc>
              <a:buNone/>
            </a:pPr>
            <a:r>
              <a:rPr lang="en-US" sz="6600" b="1" dirty="0">
                <a:solidFill>
                  <a:srgbClr val="1C75BB"/>
                </a:solidFill>
              </a:rPr>
              <a:t>18</a:t>
            </a:r>
            <a:r>
              <a:rPr lang="en-US" dirty="0">
                <a:solidFill>
                  <a:srgbClr val="6C6D70"/>
                </a:solidFill>
              </a:rPr>
              <a:t> </a:t>
            </a:r>
            <a:r>
              <a:rPr lang="en-US" dirty="0">
                <a:solidFill>
                  <a:srgbClr val="1C75BB"/>
                </a:solidFill>
              </a:rPr>
              <a:t>Members</a:t>
            </a:r>
          </a:p>
          <a:p>
            <a:pPr marL="0" indent="0">
              <a:lnSpc>
                <a:spcPct val="150000"/>
              </a:lnSpc>
              <a:buNone/>
            </a:pPr>
            <a:r>
              <a:rPr lang="en-US" sz="6600" b="1" dirty="0">
                <a:solidFill>
                  <a:schemeClr val="accent1"/>
                </a:solidFill>
              </a:rPr>
              <a:t>3</a:t>
            </a:r>
            <a:r>
              <a:rPr lang="en-US" dirty="0">
                <a:solidFill>
                  <a:srgbClr val="6C6D70"/>
                </a:solidFill>
              </a:rPr>
              <a:t> </a:t>
            </a:r>
            <a:r>
              <a:rPr lang="en-US" dirty="0">
                <a:solidFill>
                  <a:schemeClr val="accent1"/>
                </a:solidFill>
              </a:rPr>
              <a:t>Vacancies</a:t>
            </a:r>
          </a:p>
          <a:p>
            <a:pPr marL="0" indent="0">
              <a:lnSpc>
                <a:spcPct val="150000"/>
              </a:lnSpc>
              <a:buNone/>
            </a:pPr>
            <a:r>
              <a:rPr lang="en-US" sz="2400" dirty="0">
                <a:latin typeface="Tahoma" panose="020B0604030504040204" pitchFamily="34" charset="0"/>
                <a:ea typeface="Tahoma" panose="020B0604030504040204" pitchFamily="34" charset="0"/>
                <a:cs typeface="Tahoma" panose="020B0604030504040204" pitchFamily="34" charset="0"/>
              </a:rPr>
              <a:t>Membership rescinded after 3 consecutive unexcused absences. </a:t>
            </a:r>
            <a:endParaRPr lang="en-US" sz="2400" b="1" dirty="0">
              <a:latin typeface="Tahoma" panose="020B0604030504040204" pitchFamily="34" charset="0"/>
              <a:ea typeface="Tahoma" panose="020B0604030504040204" pitchFamily="34" charset="0"/>
              <a:cs typeface="Tahoma" panose="020B0604030504040204" pitchFamily="34" charset="0"/>
            </a:endParaRP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a:latin typeface="Tahoma" panose="020B0604030504040204" pitchFamily="34" charset="0"/>
                <a:ea typeface="Tahoma" panose="020B0604030504040204" pitchFamily="34" charset="0"/>
                <a:cs typeface="Tahoma" panose="020B0604030504040204" pitchFamily="34" charset="0"/>
              </a:rPr>
              <a:t>LCB Membership</a:t>
            </a:r>
            <a:endParaRPr lang="en-US"/>
          </a:p>
        </p:txBody>
      </p:sp>
      <p:pic>
        <p:nvPicPr>
          <p:cNvPr id="7" name="Picture 6">
            <a:extLst>
              <a:ext uri="{FF2B5EF4-FFF2-40B4-BE49-F238E27FC236}">
                <a16:creationId xmlns:a16="http://schemas.microsoft.com/office/drawing/2014/main" id="{A35DCE68-C18E-992E-A9AB-F004C39C62E9}"/>
              </a:ext>
            </a:extLst>
          </p:cNvPr>
          <p:cNvPicPr>
            <a:picLocks noChangeAspect="1"/>
          </p:cNvPicPr>
          <p:nvPr/>
        </p:nvPicPr>
        <p:blipFill>
          <a:blip r:embed="rId2"/>
          <a:stretch>
            <a:fillRect/>
          </a:stretch>
        </p:blipFill>
        <p:spPr>
          <a:xfrm>
            <a:off x="5629581" y="1967125"/>
            <a:ext cx="6057901" cy="3087481"/>
          </a:xfrm>
          <a:prstGeom prst="rect">
            <a:avLst/>
          </a:prstGeom>
        </p:spPr>
      </p:pic>
    </p:spTree>
    <p:extLst>
      <p:ext uri="{BB962C8B-B14F-4D97-AF65-F5344CB8AC3E}">
        <p14:creationId xmlns:p14="http://schemas.microsoft.com/office/powerpoint/2010/main" val="82148082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AF87DDB2-917B-AE5E-30C9-C82727C7223F}"/>
              </a:ext>
            </a:extLst>
          </p:cNvPr>
          <p:cNvSpPr>
            <a:spLocks noGrp="1"/>
          </p:cNvSpPr>
          <p:nvPr>
            <p:ph sz="half" idx="1"/>
          </p:nvPr>
        </p:nvSpPr>
        <p:spPr>
          <a:xfrm>
            <a:off x="738512" y="1463675"/>
            <a:ext cx="4809049" cy="4237424"/>
          </a:xfrm>
        </p:spPr>
        <p:txBody>
          <a:bodyPr>
            <a:noAutofit/>
          </a:bodyPr>
          <a:lstStyle/>
          <a:p>
            <a:pPr>
              <a:lnSpc>
                <a:spcPct val="150000"/>
              </a:lnSpc>
            </a:pPr>
            <a:r>
              <a:rPr lang="en-US" sz="1800" dirty="0">
                <a:solidFill>
                  <a:srgbClr val="6C6D70"/>
                </a:solidFill>
              </a:rPr>
              <a:t>Chair</a:t>
            </a:r>
          </a:p>
          <a:p>
            <a:pPr>
              <a:lnSpc>
                <a:spcPct val="150000"/>
              </a:lnSpc>
            </a:pPr>
            <a:r>
              <a:rPr lang="en-US" sz="1800" dirty="0">
                <a:solidFill>
                  <a:srgbClr val="6C6D70"/>
                </a:solidFill>
              </a:rPr>
              <a:t>Citizen Advocate/User </a:t>
            </a:r>
          </a:p>
          <a:p>
            <a:pPr>
              <a:lnSpc>
                <a:spcPct val="150000"/>
              </a:lnSpc>
            </a:pPr>
            <a:r>
              <a:rPr lang="en-US" sz="1800" dirty="0">
                <a:solidFill>
                  <a:srgbClr val="6C6D70"/>
                </a:solidFill>
              </a:rPr>
              <a:t>Rep. for the Disabled</a:t>
            </a:r>
          </a:p>
          <a:p>
            <a:pPr>
              <a:lnSpc>
                <a:spcPct val="150000"/>
              </a:lnSpc>
            </a:pPr>
            <a:r>
              <a:rPr lang="en-US" sz="1800" dirty="0">
                <a:solidFill>
                  <a:srgbClr val="6C6D70"/>
                </a:solidFill>
              </a:rPr>
              <a:t>Rep. for the Elderly</a:t>
            </a:r>
          </a:p>
          <a:p>
            <a:pPr>
              <a:lnSpc>
                <a:spcPct val="150000"/>
              </a:lnSpc>
            </a:pPr>
            <a:r>
              <a:rPr lang="en-US" sz="1800" dirty="0">
                <a:solidFill>
                  <a:srgbClr val="6C6D70"/>
                </a:solidFill>
              </a:rPr>
              <a:t>Citizen Advocate</a:t>
            </a:r>
          </a:p>
          <a:p>
            <a:pPr>
              <a:lnSpc>
                <a:spcPct val="150000"/>
              </a:lnSpc>
            </a:pPr>
            <a:r>
              <a:rPr lang="en-US" sz="1800" dirty="0">
                <a:solidFill>
                  <a:srgbClr val="6C6D70"/>
                </a:solidFill>
              </a:rPr>
              <a:t>Florida Dept. of Veterans’ Affairs</a:t>
            </a:r>
          </a:p>
          <a:p>
            <a:pPr>
              <a:lnSpc>
                <a:spcPct val="150000"/>
              </a:lnSpc>
            </a:pPr>
            <a:r>
              <a:rPr lang="en-US" sz="1800" dirty="0">
                <a:solidFill>
                  <a:srgbClr val="6C6D70"/>
                </a:solidFill>
              </a:rPr>
              <a:t>PBC Community Action </a:t>
            </a:r>
            <a:r>
              <a:rPr lang="en-US" sz="1800" dirty="0">
                <a:solidFill>
                  <a:srgbClr val="FF0000"/>
                </a:solidFill>
              </a:rPr>
              <a:t>(Vacant)</a:t>
            </a:r>
          </a:p>
          <a:p>
            <a:pPr>
              <a:lnSpc>
                <a:spcPct val="150000"/>
              </a:lnSpc>
            </a:pPr>
            <a:r>
              <a:rPr lang="en-US" sz="1800" dirty="0">
                <a:solidFill>
                  <a:srgbClr val="6C6D70"/>
                </a:solidFill>
              </a:rPr>
              <a:t>School District of Palm Beach County</a:t>
            </a:r>
          </a:p>
          <a:p>
            <a:pPr>
              <a:lnSpc>
                <a:spcPct val="150000"/>
              </a:lnSpc>
            </a:pPr>
            <a:r>
              <a:rPr lang="en-US" sz="1800" dirty="0">
                <a:solidFill>
                  <a:srgbClr val="6C6D70"/>
                </a:solidFill>
              </a:rPr>
              <a:t>Florida Dept. of Transportation</a:t>
            </a:r>
          </a:p>
          <a:p>
            <a:endParaRPr lang="en-US" dirty="0"/>
          </a:p>
        </p:txBody>
      </p:sp>
      <p:sp>
        <p:nvSpPr>
          <p:cNvPr id="7" name="Content Placeholder 6">
            <a:extLst>
              <a:ext uri="{FF2B5EF4-FFF2-40B4-BE49-F238E27FC236}">
                <a16:creationId xmlns:a16="http://schemas.microsoft.com/office/drawing/2014/main" id="{756F6699-29A3-00EB-C9E7-B4C665A2E6D1}"/>
              </a:ext>
            </a:extLst>
          </p:cNvPr>
          <p:cNvSpPr>
            <a:spLocks noGrp="1"/>
          </p:cNvSpPr>
          <p:nvPr>
            <p:ph sz="half" idx="2"/>
          </p:nvPr>
        </p:nvSpPr>
        <p:spPr>
          <a:xfrm>
            <a:off x="5903653" y="1454150"/>
            <a:ext cx="6080464" cy="4237424"/>
          </a:xfrm>
        </p:spPr>
        <p:txBody>
          <a:bodyPr>
            <a:noAutofit/>
          </a:bodyPr>
          <a:lstStyle/>
          <a:p>
            <a:pPr>
              <a:lnSpc>
                <a:spcPct val="150000"/>
              </a:lnSpc>
            </a:pPr>
            <a:r>
              <a:rPr lang="en-US" sz="1800" dirty="0">
                <a:solidFill>
                  <a:srgbClr val="6C6D70"/>
                </a:solidFill>
              </a:rPr>
              <a:t>Dept. of Children and Family Services</a:t>
            </a:r>
          </a:p>
          <a:p>
            <a:pPr>
              <a:lnSpc>
                <a:spcPct val="150000"/>
              </a:lnSpc>
            </a:pPr>
            <a:r>
              <a:rPr lang="en-US" sz="1800" dirty="0">
                <a:solidFill>
                  <a:srgbClr val="6C6D70"/>
                </a:solidFill>
              </a:rPr>
              <a:t>Agency for Persons with Disabilities</a:t>
            </a:r>
          </a:p>
          <a:p>
            <a:pPr>
              <a:lnSpc>
                <a:spcPct val="150000"/>
              </a:lnSpc>
            </a:pPr>
            <a:r>
              <a:rPr lang="en-US" sz="1800" dirty="0">
                <a:solidFill>
                  <a:srgbClr val="6C6D70"/>
                </a:solidFill>
              </a:rPr>
              <a:t>Florida Agency for Health Care Administration</a:t>
            </a:r>
          </a:p>
          <a:p>
            <a:pPr>
              <a:lnSpc>
                <a:spcPct val="150000"/>
              </a:lnSpc>
            </a:pPr>
            <a:r>
              <a:rPr lang="en-US" sz="1800" dirty="0">
                <a:solidFill>
                  <a:srgbClr val="6C6D70"/>
                </a:solidFill>
              </a:rPr>
              <a:t>Area Agency on Aging </a:t>
            </a:r>
            <a:r>
              <a:rPr lang="en-US" sz="1800" dirty="0">
                <a:solidFill>
                  <a:srgbClr val="FF0000"/>
                </a:solidFill>
              </a:rPr>
              <a:t>(Vacant)</a:t>
            </a:r>
            <a:endParaRPr lang="en-US" sz="1800" dirty="0">
              <a:solidFill>
                <a:srgbClr val="6C6D70"/>
              </a:solidFill>
            </a:endParaRPr>
          </a:p>
          <a:p>
            <a:pPr>
              <a:lnSpc>
                <a:spcPct val="150000"/>
              </a:lnSpc>
            </a:pPr>
            <a:r>
              <a:rPr lang="en-US" sz="1800" dirty="0">
                <a:solidFill>
                  <a:srgbClr val="6C6D70"/>
                </a:solidFill>
              </a:rPr>
              <a:t>Workforce Development Board</a:t>
            </a:r>
          </a:p>
          <a:p>
            <a:pPr>
              <a:lnSpc>
                <a:spcPct val="150000"/>
              </a:lnSpc>
            </a:pPr>
            <a:r>
              <a:rPr lang="en-US" sz="1800" dirty="0">
                <a:solidFill>
                  <a:srgbClr val="6C6D70"/>
                </a:solidFill>
              </a:rPr>
              <a:t>Local Medical Community</a:t>
            </a:r>
          </a:p>
          <a:p>
            <a:pPr>
              <a:lnSpc>
                <a:spcPct val="150000"/>
              </a:lnSpc>
            </a:pPr>
            <a:r>
              <a:rPr lang="en-US" sz="1800" dirty="0">
                <a:solidFill>
                  <a:srgbClr val="6C6D70"/>
                </a:solidFill>
              </a:rPr>
              <a:t>Florida Dept. of Vocational Rehabilitation</a:t>
            </a:r>
          </a:p>
          <a:p>
            <a:pPr>
              <a:lnSpc>
                <a:spcPct val="150000"/>
              </a:lnSpc>
            </a:pPr>
            <a:r>
              <a:rPr lang="en-US" sz="1800" dirty="0">
                <a:solidFill>
                  <a:srgbClr val="6C6D70"/>
                </a:solidFill>
              </a:rPr>
              <a:t>Private Transportation Industry </a:t>
            </a:r>
            <a:r>
              <a:rPr lang="en-US" sz="1800" dirty="0">
                <a:solidFill>
                  <a:srgbClr val="FF0000"/>
                </a:solidFill>
              </a:rPr>
              <a:t>(Vacant)</a:t>
            </a:r>
            <a:endParaRPr lang="en-US" sz="1800" dirty="0">
              <a:solidFill>
                <a:srgbClr val="6C6D70"/>
              </a:solidFill>
            </a:endParaRPr>
          </a:p>
          <a:p>
            <a:pPr>
              <a:lnSpc>
                <a:spcPct val="150000"/>
              </a:lnSpc>
            </a:pPr>
            <a:r>
              <a:rPr lang="en-US" sz="1800" dirty="0"/>
              <a:t>Representative for Children at Risk</a:t>
            </a:r>
            <a:endParaRPr lang="en-US" sz="1800" dirty="0">
              <a:solidFill>
                <a:srgbClr val="FF0000"/>
              </a:solidFill>
            </a:endParaRPr>
          </a:p>
          <a:p>
            <a:endParaRPr lang="en-US" dirty="0"/>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a:latin typeface="Tahoma" panose="020B0604030504040204" pitchFamily="34" charset="0"/>
                <a:ea typeface="Tahoma" panose="020B0604030504040204" pitchFamily="34" charset="0"/>
                <a:cs typeface="Tahoma" panose="020B0604030504040204" pitchFamily="34" charset="0"/>
              </a:rPr>
              <a:t>LCB Membership</a:t>
            </a:r>
            <a:endParaRPr lang="en-US"/>
          </a:p>
        </p:txBody>
      </p:sp>
    </p:spTree>
    <p:extLst>
      <p:ext uri="{BB962C8B-B14F-4D97-AF65-F5344CB8AC3E}">
        <p14:creationId xmlns:p14="http://schemas.microsoft.com/office/powerpoint/2010/main" val="24988071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73D351-0C07-414D-B4BF-BBE5F1F83375}"/>
              </a:ext>
            </a:extLst>
          </p:cNvPr>
          <p:cNvSpPr>
            <a:spLocks noGrp="1"/>
          </p:cNvSpPr>
          <p:nvPr>
            <p:ph type="ctrTitle"/>
          </p:nvPr>
        </p:nvSpPr>
        <p:spPr>
          <a:xfrm>
            <a:off x="4065518" y="2850630"/>
            <a:ext cx="7422292" cy="1156739"/>
          </a:xfrm>
        </p:spPr>
        <p:txBody>
          <a:bodyPr>
            <a:normAutofit/>
          </a:bodyPr>
          <a:lstStyle/>
          <a:p>
            <a:r>
              <a:rPr lang="en-US" dirty="0">
                <a:solidFill>
                  <a:schemeClr val="bg1"/>
                </a:solidFill>
                <a:latin typeface="Tahoma" panose="020B0604030504040204" pitchFamily="34" charset="0"/>
                <a:ea typeface="Tahoma" panose="020B0604030504040204" pitchFamily="34" charset="0"/>
                <a:cs typeface="Tahoma" panose="020B0604030504040204" pitchFamily="34" charset="0"/>
              </a:rPr>
              <a:t>LCB Duties</a:t>
            </a:r>
            <a:endParaRPr lang="en-US" dirty="0"/>
          </a:p>
        </p:txBody>
      </p:sp>
    </p:spTree>
    <p:extLst>
      <p:ext uri="{BB962C8B-B14F-4D97-AF65-F5344CB8AC3E}">
        <p14:creationId xmlns:p14="http://schemas.microsoft.com/office/powerpoint/2010/main" val="252269574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2466923-4D41-4DCD-9587-2855C0719472}"/>
              </a:ext>
            </a:extLst>
          </p:cNvPr>
          <p:cNvSpPr>
            <a:spLocks noGrp="1"/>
          </p:cNvSpPr>
          <p:nvPr>
            <p:ph idx="1"/>
          </p:nvPr>
        </p:nvSpPr>
        <p:spPr/>
        <p:txBody>
          <a:bodyPr>
            <a:normAutofit/>
          </a:bodyPr>
          <a:lstStyle/>
          <a:p>
            <a:pPr marL="457200" indent="-457200">
              <a:lnSpc>
                <a:spcPct val="170000"/>
              </a:lnSpc>
              <a:buFont typeface="Wingdings" panose="05000000000000000000" pitchFamily="2" charset="2"/>
              <a:buChar char="§"/>
            </a:pPr>
            <a:r>
              <a:rPr lang="en-US" sz="3000">
                <a:solidFill>
                  <a:srgbClr val="6C6D70"/>
                </a:solidFill>
                <a:latin typeface="Tahoma" panose="020B0604030504040204" pitchFamily="34" charset="0"/>
                <a:ea typeface="Tahoma" panose="020B0604030504040204" pitchFamily="34" charset="0"/>
                <a:cs typeface="Tahoma" panose="020B0604030504040204" pitchFamily="34" charset="0"/>
              </a:rPr>
              <a:t>Transportation Disadvantaged (TD) Program</a:t>
            </a:r>
          </a:p>
          <a:p>
            <a:pPr marL="457200" indent="-457200">
              <a:lnSpc>
                <a:spcPct val="170000"/>
              </a:lnSpc>
              <a:buFont typeface="Wingdings" panose="05000000000000000000" pitchFamily="2" charset="2"/>
              <a:buChar char="§"/>
            </a:pPr>
            <a:r>
              <a:rPr lang="en-US" sz="3000">
                <a:solidFill>
                  <a:srgbClr val="6C6D70"/>
                </a:solidFill>
                <a:latin typeface="Tahoma" panose="020B0604030504040204" pitchFamily="34" charset="0"/>
                <a:ea typeface="Tahoma" panose="020B0604030504040204" pitchFamily="34" charset="0"/>
                <a:cs typeface="Tahoma" panose="020B0604030504040204" pitchFamily="34" charset="0"/>
              </a:rPr>
              <a:t>Local Coordinating Board (LCB) Overview</a:t>
            </a:r>
          </a:p>
          <a:p>
            <a:pPr marL="457200" indent="-457200">
              <a:lnSpc>
                <a:spcPct val="170000"/>
              </a:lnSpc>
              <a:buFont typeface="Wingdings" panose="05000000000000000000" pitchFamily="2" charset="2"/>
              <a:buChar char="§"/>
            </a:pPr>
            <a:r>
              <a:rPr lang="en-US" sz="3000">
                <a:solidFill>
                  <a:srgbClr val="6C6D70"/>
                </a:solidFill>
                <a:latin typeface="Tahoma" panose="020B0604030504040204" pitchFamily="34" charset="0"/>
                <a:ea typeface="Tahoma" panose="020B0604030504040204" pitchFamily="34" charset="0"/>
                <a:cs typeface="Tahoma" panose="020B0604030504040204" pitchFamily="34" charset="0"/>
              </a:rPr>
              <a:t>LCB Duties</a:t>
            </a:r>
          </a:p>
          <a:p>
            <a:pPr marL="457200" indent="-457200">
              <a:lnSpc>
                <a:spcPct val="170000"/>
              </a:lnSpc>
              <a:buFont typeface="Wingdings" panose="05000000000000000000" pitchFamily="2" charset="2"/>
              <a:buChar char="§"/>
            </a:pPr>
            <a:r>
              <a:rPr lang="en-US" sz="3000">
                <a:solidFill>
                  <a:srgbClr val="6C6D70"/>
                </a:solidFill>
                <a:latin typeface="Tahoma" panose="020B0604030504040204" pitchFamily="34" charset="0"/>
                <a:ea typeface="Tahoma" panose="020B0604030504040204" pitchFamily="34" charset="0"/>
                <a:cs typeface="Tahoma" panose="020B0604030504040204" pitchFamily="34" charset="0"/>
              </a:rPr>
              <a:t>LCB Administration</a:t>
            </a: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lstStyle/>
          <a:p>
            <a:r>
              <a:rPr lang="en-US" dirty="0">
                <a:latin typeface="Tahoma" panose="020B0604030504040204" pitchFamily="34" charset="0"/>
                <a:ea typeface="Tahoma" panose="020B0604030504040204" pitchFamily="34" charset="0"/>
                <a:cs typeface="Tahoma" panose="020B0604030504040204" pitchFamily="34" charset="0"/>
              </a:rPr>
              <a:t>Training Outline</a:t>
            </a:r>
            <a:endParaRPr lang="en-US" dirty="0"/>
          </a:p>
        </p:txBody>
      </p:sp>
    </p:spTree>
    <p:extLst>
      <p:ext uri="{BB962C8B-B14F-4D97-AF65-F5344CB8AC3E}">
        <p14:creationId xmlns:p14="http://schemas.microsoft.com/office/powerpoint/2010/main" val="275644083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dirty="0">
                <a:latin typeface="Tahoma" panose="020B0604030504040204" pitchFamily="34" charset="0"/>
                <a:ea typeface="Tahoma" panose="020B0604030504040204" pitchFamily="34" charset="0"/>
                <a:cs typeface="Tahoma" panose="020B0604030504040204" pitchFamily="34" charset="0"/>
              </a:rPr>
              <a:t>Overview of LCB Duties</a:t>
            </a:r>
            <a:endParaRPr lang="en-US" dirty="0"/>
          </a:p>
        </p:txBody>
      </p:sp>
      <p:sp>
        <p:nvSpPr>
          <p:cNvPr id="6" name="Content Placeholder 2">
            <a:extLst>
              <a:ext uri="{FF2B5EF4-FFF2-40B4-BE49-F238E27FC236}">
                <a16:creationId xmlns:a16="http://schemas.microsoft.com/office/drawing/2014/main" id="{DFD3E05C-B9FC-8065-1833-AA29BE49F2FE}"/>
              </a:ext>
            </a:extLst>
          </p:cNvPr>
          <p:cNvSpPr txBox="1">
            <a:spLocks/>
          </p:cNvSpPr>
          <p:nvPr/>
        </p:nvSpPr>
        <p:spPr>
          <a:xfrm>
            <a:off x="711239" y="1745469"/>
            <a:ext cx="11193379" cy="4525377"/>
          </a:xfrm>
          <a:prstGeom prst="rect">
            <a:avLst/>
          </a:prstGeom>
        </p:spPr>
        <p:txBody>
          <a:bodyPr vert="horz" lIns="91440" tIns="45720" rIns="91440" bIns="45720" numCol="2" rtlCol="0">
            <a:normAutofit fontScale="62500" lnSpcReduction="20000"/>
          </a:bodyPr>
          <a:lstStyle>
            <a:lvl1pPr marL="457200" indent="-457200" algn="l" defTabSz="914400" rtl="0" eaLnBrk="1" latinLnBrk="0" hangingPunct="1">
              <a:lnSpc>
                <a:spcPct val="90000"/>
              </a:lnSpc>
              <a:spcBef>
                <a:spcPts val="1000"/>
              </a:spcBef>
              <a:buFont typeface="Wingdings" panose="05000000000000000000" pitchFamily="2" charset="2"/>
              <a:buChar char="§"/>
              <a:defRPr sz="2400" kern="1200">
                <a:solidFill>
                  <a:srgbClr val="646566"/>
                </a:solidFill>
                <a:latin typeface="Tahoma" panose="020B0604030504040204" pitchFamily="34" charset="0"/>
                <a:ea typeface="Tahoma" panose="020B0604030504040204" pitchFamily="34" charset="0"/>
                <a:cs typeface="Tahoma" panose="020B0604030504040204" pitchFamily="34" charset="0"/>
              </a:defRPr>
            </a:lvl1pPr>
            <a:lvl2pPr marL="685800" indent="-228600" algn="l" defTabSz="914400" rtl="0" eaLnBrk="1" latinLnBrk="0" hangingPunct="1">
              <a:lnSpc>
                <a:spcPct val="90000"/>
              </a:lnSpc>
              <a:spcBef>
                <a:spcPts val="500"/>
              </a:spcBef>
              <a:buFont typeface="Wingdings" panose="05000000000000000000" pitchFamily="2" charset="2"/>
              <a:buChar char="§"/>
              <a:defRPr sz="2400" kern="1200">
                <a:solidFill>
                  <a:srgbClr val="646566"/>
                </a:solidFill>
                <a:latin typeface="Tahoma" panose="020B0604030504040204" pitchFamily="34" charset="0"/>
                <a:ea typeface="Tahoma" panose="020B0604030504040204" pitchFamily="34" charset="0"/>
                <a:cs typeface="Tahoma" panose="020B0604030504040204" pitchFamily="34" charset="0"/>
              </a:defRPr>
            </a:lvl2pPr>
            <a:lvl3pPr marL="1143000" indent="-228600" algn="l" defTabSz="914400" rtl="0" eaLnBrk="1" latinLnBrk="0" hangingPunct="1">
              <a:lnSpc>
                <a:spcPct val="90000"/>
              </a:lnSpc>
              <a:spcBef>
                <a:spcPts val="500"/>
              </a:spcBef>
              <a:buFont typeface="Wingdings" panose="05000000000000000000" pitchFamily="2" charset="2"/>
              <a:buChar char="§"/>
              <a:defRPr sz="2000" kern="1200">
                <a:solidFill>
                  <a:srgbClr val="6C6D70"/>
                </a:solidFill>
                <a:latin typeface="Trebuchet MS" panose="020B0603020202020204" pitchFamily="34" charset="0"/>
                <a:ea typeface="+mn-ea"/>
                <a:cs typeface="+mn-cs"/>
              </a:defRPr>
            </a:lvl3pPr>
            <a:lvl4pPr marL="16002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rebuchet MS" panose="020B0603020202020204" pitchFamily="34" charset="0"/>
                <a:ea typeface="+mn-ea"/>
                <a:cs typeface="+mn-cs"/>
              </a:defRPr>
            </a:lvl4pPr>
            <a:lvl5pPr marL="20574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rebuchet MS" panose="020B0603020202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en-US" sz="3900" b="1" dirty="0"/>
              <a:t>Attend quarterly meetings</a:t>
            </a:r>
          </a:p>
          <a:p>
            <a:pPr>
              <a:lnSpc>
                <a:spcPct val="150000"/>
              </a:lnSpc>
            </a:pPr>
            <a:r>
              <a:rPr lang="en-US" sz="3900" dirty="0"/>
              <a:t>Review and adopt by-laws</a:t>
            </a:r>
          </a:p>
          <a:p>
            <a:pPr>
              <a:lnSpc>
                <a:spcPct val="150000"/>
              </a:lnSpc>
            </a:pPr>
            <a:r>
              <a:rPr lang="en-US" sz="3900" dirty="0"/>
              <a:t>Review and adopt Grievance Procedures</a:t>
            </a:r>
          </a:p>
          <a:p>
            <a:pPr>
              <a:lnSpc>
                <a:spcPct val="150000"/>
              </a:lnSpc>
            </a:pPr>
            <a:r>
              <a:rPr lang="en-US" sz="3900" dirty="0"/>
              <a:t>Appoint a Grievance Subcommittee</a:t>
            </a:r>
          </a:p>
          <a:p>
            <a:pPr>
              <a:lnSpc>
                <a:spcPct val="150000"/>
              </a:lnSpc>
            </a:pPr>
            <a:r>
              <a:rPr lang="en-US" sz="3900" b="1" dirty="0"/>
              <a:t>Review Annual Expenditure Report (AER)</a:t>
            </a:r>
          </a:p>
          <a:p>
            <a:pPr marL="461963">
              <a:lnSpc>
                <a:spcPct val="150000"/>
              </a:lnSpc>
            </a:pPr>
            <a:r>
              <a:rPr lang="en-US" sz="3900" b="1" dirty="0"/>
              <a:t>Review and approve Annual Operating Report (AOR)</a:t>
            </a:r>
          </a:p>
          <a:p>
            <a:pPr marL="461963">
              <a:lnSpc>
                <a:spcPct val="150000"/>
              </a:lnSpc>
            </a:pPr>
            <a:r>
              <a:rPr lang="en-US" sz="3900" dirty="0"/>
              <a:t>Review and approve TD Service Plan </a:t>
            </a:r>
          </a:p>
          <a:p>
            <a:pPr marL="461963">
              <a:lnSpc>
                <a:spcPct val="150000"/>
              </a:lnSpc>
            </a:pPr>
            <a:r>
              <a:rPr lang="en-US" sz="3900" b="1" dirty="0"/>
              <a:t>CTC Evaluation</a:t>
            </a:r>
          </a:p>
          <a:p>
            <a:pPr marL="461963">
              <a:lnSpc>
                <a:spcPct val="150000"/>
              </a:lnSpc>
            </a:pPr>
            <a:r>
              <a:rPr lang="en-US" sz="3900"/>
              <a:t>Annually appoint </a:t>
            </a:r>
            <a:r>
              <a:rPr lang="en-US" sz="3900" dirty="0"/>
              <a:t>a Vice Chair</a:t>
            </a:r>
          </a:p>
          <a:p>
            <a:endParaRPr lang="en-US" dirty="0">
              <a:latin typeface="Trebuchet MS" panose="020B060302020202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161142061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a:latin typeface="Tahoma" panose="020B0604030504040204" pitchFamily="34" charset="0"/>
                <a:ea typeface="Tahoma" panose="020B0604030504040204" pitchFamily="34" charset="0"/>
                <a:cs typeface="Tahoma" panose="020B0604030504040204" pitchFamily="34" charset="0"/>
              </a:rPr>
              <a:t>Timeline of LCB Duties FY 2023</a:t>
            </a:r>
            <a:endParaRPr lang="en-US"/>
          </a:p>
        </p:txBody>
      </p:sp>
      <p:sp>
        <p:nvSpPr>
          <p:cNvPr id="83" name="OTLSHAPE_TB_00000000000000000000000000000000_TimescaleInterval1">
            <a:extLst>
              <a:ext uri="{FF2B5EF4-FFF2-40B4-BE49-F238E27FC236}">
                <a16:creationId xmlns:a16="http://schemas.microsoft.com/office/drawing/2014/main" id="{735A31DF-EDC6-9CB5-7539-4244F8C57AC5}"/>
              </a:ext>
            </a:extLst>
          </p:cNvPr>
          <p:cNvSpPr txBox="1"/>
          <p:nvPr>
            <p:custDataLst>
              <p:tags r:id="rId1"/>
            </p:custDataLst>
          </p:nvPr>
        </p:nvSpPr>
        <p:spPr>
          <a:xfrm>
            <a:off x="909780" y="4392174"/>
            <a:ext cx="2032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grpSp>
        <p:nvGrpSpPr>
          <p:cNvPr id="84" name="Group 83">
            <a:extLst>
              <a:ext uri="{FF2B5EF4-FFF2-40B4-BE49-F238E27FC236}">
                <a16:creationId xmlns:a16="http://schemas.microsoft.com/office/drawing/2014/main" id="{04548DA9-6CDD-4B21-FEC5-C87AAA8E46D9}"/>
              </a:ext>
            </a:extLst>
          </p:cNvPr>
          <p:cNvGrpSpPr/>
          <p:nvPr/>
        </p:nvGrpSpPr>
        <p:grpSpPr>
          <a:xfrm>
            <a:off x="183731" y="2561278"/>
            <a:ext cx="11648831" cy="3180804"/>
            <a:chOff x="270816" y="2439358"/>
            <a:chExt cx="11648831" cy="3180804"/>
          </a:xfrm>
        </p:grpSpPr>
        <p:cxnSp>
          <p:nvCxnSpPr>
            <p:cNvPr id="85" name="OTLSHAPE_M_a0d66daaeb674623b95ddc511283d9a3_Connector1">
              <a:extLst>
                <a:ext uri="{FF2B5EF4-FFF2-40B4-BE49-F238E27FC236}">
                  <a16:creationId xmlns:a16="http://schemas.microsoft.com/office/drawing/2014/main" id="{999E8EF5-E4D9-C100-6566-26306A8E0A34}"/>
                </a:ext>
              </a:extLst>
            </p:cNvPr>
            <p:cNvCxnSpPr/>
            <p:nvPr/>
          </p:nvCxnSpPr>
          <p:spPr>
            <a:xfrm>
              <a:off x="10291887" y="3871490"/>
              <a:ext cx="0" cy="913765"/>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6" name="OTLSHAPE_M_2e036c6c32514b56b8aa0e3bba5e98e7_Connector1">
              <a:extLst>
                <a:ext uri="{FF2B5EF4-FFF2-40B4-BE49-F238E27FC236}">
                  <a16:creationId xmlns:a16="http://schemas.microsoft.com/office/drawing/2014/main" id="{2BAE2C60-6AB1-1F02-A4D0-9EE5A08663DB}"/>
                </a:ext>
              </a:extLst>
            </p:cNvPr>
            <p:cNvCxnSpPr/>
            <p:nvPr/>
          </p:nvCxnSpPr>
          <p:spPr>
            <a:xfrm>
              <a:off x="10291887" y="4336733"/>
              <a:ext cx="0" cy="448522"/>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OTLSHAPE_M_7779da636b0d44c6a9d4931bdc62788b_Connector1">
              <a:extLst>
                <a:ext uri="{FF2B5EF4-FFF2-40B4-BE49-F238E27FC236}">
                  <a16:creationId xmlns:a16="http://schemas.microsoft.com/office/drawing/2014/main" id="{86D0C687-A2C9-F96B-D93B-D345A2F4C978}"/>
                </a:ext>
              </a:extLst>
            </p:cNvPr>
            <p:cNvCxnSpPr/>
            <p:nvPr/>
          </p:nvCxnSpPr>
          <p:spPr>
            <a:xfrm>
              <a:off x="7560541" y="3406247"/>
              <a:ext cx="0" cy="1379008"/>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 name="OTLSHAPE_M_21535a59df9540569025f84196d711f4_Connector1">
              <a:extLst>
                <a:ext uri="{FF2B5EF4-FFF2-40B4-BE49-F238E27FC236}">
                  <a16:creationId xmlns:a16="http://schemas.microsoft.com/office/drawing/2014/main" id="{247FE200-D270-5215-1DD4-AB584B44FAC9}"/>
                </a:ext>
              </a:extLst>
            </p:cNvPr>
            <p:cNvCxnSpPr/>
            <p:nvPr/>
          </p:nvCxnSpPr>
          <p:spPr>
            <a:xfrm>
              <a:off x="7560541" y="3871490"/>
              <a:ext cx="0" cy="913765"/>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9" name="OTLSHAPE_M_4a809e654a0946ee954141d87088c742_Connector1">
              <a:extLst>
                <a:ext uri="{FF2B5EF4-FFF2-40B4-BE49-F238E27FC236}">
                  <a16:creationId xmlns:a16="http://schemas.microsoft.com/office/drawing/2014/main" id="{B8AB9678-62BB-60C3-D472-685FC3FF4ACB}"/>
                </a:ext>
              </a:extLst>
            </p:cNvPr>
            <p:cNvCxnSpPr/>
            <p:nvPr/>
          </p:nvCxnSpPr>
          <p:spPr>
            <a:xfrm>
              <a:off x="7560541" y="4336733"/>
              <a:ext cx="0" cy="448522"/>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 name="OTLSHAPE_M_eeea1fa11e334dd58f2c60a46c353138_Connector1">
              <a:extLst>
                <a:ext uri="{FF2B5EF4-FFF2-40B4-BE49-F238E27FC236}">
                  <a16:creationId xmlns:a16="http://schemas.microsoft.com/office/drawing/2014/main" id="{1460D0CB-561C-232F-6080-CED14CBC6CD5}"/>
                </a:ext>
              </a:extLst>
            </p:cNvPr>
            <p:cNvCxnSpPr>
              <a:cxnSpLocks/>
              <a:stCxn id="132" idx="3"/>
            </p:cNvCxnSpPr>
            <p:nvPr/>
          </p:nvCxnSpPr>
          <p:spPr>
            <a:xfrm flipH="1">
              <a:off x="4829195" y="3301420"/>
              <a:ext cx="1901" cy="1483835"/>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 name="OTLSHAPE_M_59b5ac8298c14cca9e65190bf60d5d05_Connector1">
              <a:extLst>
                <a:ext uri="{FF2B5EF4-FFF2-40B4-BE49-F238E27FC236}">
                  <a16:creationId xmlns:a16="http://schemas.microsoft.com/office/drawing/2014/main" id="{54B0DA3A-538E-74C9-DB3E-FA893D065AFC}"/>
                </a:ext>
              </a:extLst>
            </p:cNvPr>
            <p:cNvCxnSpPr>
              <a:cxnSpLocks/>
            </p:cNvCxnSpPr>
            <p:nvPr/>
          </p:nvCxnSpPr>
          <p:spPr>
            <a:xfrm>
              <a:off x="3965198" y="2988161"/>
              <a:ext cx="0" cy="1797094"/>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 name="OTLSHAPE_M_2b147c48339f434892a5ef1836ea3597_Connector1">
              <a:extLst>
                <a:ext uri="{FF2B5EF4-FFF2-40B4-BE49-F238E27FC236}">
                  <a16:creationId xmlns:a16="http://schemas.microsoft.com/office/drawing/2014/main" id="{3DF1070E-2D93-636E-2FBC-8396EFA1A85C}"/>
                </a:ext>
              </a:extLst>
            </p:cNvPr>
            <p:cNvCxnSpPr/>
            <p:nvPr/>
          </p:nvCxnSpPr>
          <p:spPr>
            <a:xfrm>
              <a:off x="2192718" y="2522919"/>
              <a:ext cx="0" cy="2309495"/>
            </a:xfrm>
            <a:prstGeom prst="line">
              <a:avLst/>
            </a:prstGeom>
            <a:ln w="9525" cap="flat" cmpd="sng" algn="ctr">
              <a:solidFill>
                <a:schemeClr val="accent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OTLSHAPE_TB_00000000000000000000000000000000_RightEndCaps">
              <a:extLst>
                <a:ext uri="{FF2B5EF4-FFF2-40B4-BE49-F238E27FC236}">
                  <a16:creationId xmlns:a16="http://schemas.microsoft.com/office/drawing/2014/main" id="{28853218-B8F0-13D6-055F-6E1BDD326516}"/>
                </a:ext>
              </a:extLst>
            </p:cNvPr>
            <p:cNvSpPr txBox="1"/>
            <p:nvPr/>
          </p:nvSpPr>
          <p:spPr>
            <a:xfrm>
              <a:off x="11471063" y="4837255"/>
              <a:ext cx="448584" cy="276999"/>
            </a:xfrm>
            <a:prstGeom prst="rect">
              <a:avLst/>
            </a:prstGeom>
            <a:noFill/>
          </p:spPr>
          <p:txBody>
            <a:bodyPr vert="horz" wrap="non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b="1" spc="-38">
                  <a:solidFill>
                    <a:srgbClr val="C0504D"/>
                  </a:solidFill>
                  <a:latin typeface="Calibri" panose="020F0502020204030204" pitchFamily="34" charset="0"/>
                </a:rPr>
                <a:t>2023</a:t>
              </a:r>
            </a:p>
          </p:txBody>
        </p:sp>
        <p:sp>
          <p:nvSpPr>
            <p:cNvPr id="95" name="OTLSHAPE_TB_00000000000000000000000000000000_ScaleContainer">
              <a:extLst>
                <a:ext uri="{FF2B5EF4-FFF2-40B4-BE49-F238E27FC236}">
                  <a16:creationId xmlns:a16="http://schemas.microsoft.com/office/drawing/2014/main" id="{1FF86D79-A2C4-125F-146F-8629BDC14BFC}"/>
                </a:ext>
              </a:extLst>
            </p:cNvPr>
            <p:cNvSpPr/>
            <p:nvPr/>
          </p:nvSpPr>
          <p:spPr>
            <a:xfrm>
              <a:off x="839454" y="4785255"/>
              <a:ext cx="10515600" cy="381000"/>
            </a:xfrm>
            <a:prstGeom prst="roundRect">
              <a:avLst>
                <a:gd name="adj" fmla="val 100000"/>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96" name="OTLSHAPE_TB_00000000000000000000000000000000_TimescaleInterval1">
              <a:extLst>
                <a:ext uri="{FF2B5EF4-FFF2-40B4-BE49-F238E27FC236}">
                  <a16:creationId xmlns:a16="http://schemas.microsoft.com/office/drawing/2014/main" id="{75630E6D-76A9-8D26-0D43-227406416726}"/>
                </a:ext>
              </a:extLst>
            </p:cNvPr>
            <p:cNvSpPr txBox="1"/>
            <p:nvPr/>
          </p:nvSpPr>
          <p:spPr>
            <a:xfrm>
              <a:off x="1068054" y="4882728"/>
              <a:ext cx="158185"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0">
                  <a:solidFill>
                    <a:schemeClr val="lt1"/>
                  </a:solidFill>
                  <a:latin typeface="Calibri" panose="020F0502020204030204" pitchFamily="34" charset="0"/>
                </a:rPr>
                <a:t>Jul</a:t>
              </a:r>
            </a:p>
          </p:txBody>
        </p:sp>
        <p:cxnSp>
          <p:nvCxnSpPr>
            <p:cNvPr id="97" name="OTLSHAPE_TB_00000000000000000000000000000000_Separator1">
              <a:extLst>
                <a:ext uri="{FF2B5EF4-FFF2-40B4-BE49-F238E27FC236}">
                  <a16:creationId xmlns:a16="http://schemas.microsoft.com/office/drawing/2014/main" id="{00315578-BAE1-DE8C-B8BD-A4AD6F74D788}"/>
                </a:ext>
              </a:extLst>
            </p:cNvPr>
            <p:cNvCxnSpPr/>
            <p:nvPr/>
          </p:nvCxnSpPr>
          <p:spPr>
            <a:xfrm>
              <a:off x="1868551"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 name="OTLSHAPE_TB_00000000000000000000000000000000_TimescaleInterval2">
              <a:extLst>
                <a:ext uri="{FF2B5EF4-FFF2-40B4-BE49-F238E27FC236}">
                  <a16:creationId xmlns:a16="http://schemas.microsoft.com/office/drawing/2014/main" id="{7A2FEF2F-037B-699D-A0E1-266D5ECE5A1C}"/>
                </a:ext>
              </a:extLst>
            </p:cNvPr>
            <p:cNvSpPr txBox="1"/>
            <p:nvPr/>
          </p:nvSpPr>
          <p:spPr>
            <a:xfrm>
              <a:off x="1932052" y="4882728"/>
              <a:ext cx="241300"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0">
                  <a:solidFill>
                    <a:schemeClr val="lt1"/>
                  </a:solidFill>
                  <a:latin typeface="Calibri" panose="020F0502020204030204" pitchFamily="34" charset="0"/>
                </a:rPr>
                <a:t>Aug</a:t>
              </a:r>
            </a:p>
          </p:txBody>
        </p:sp>
        <p:cxnSp>
          <p:nvCxnSpPr>
            <p:cNvPr id="99" name="OTLSHAPE_TB_00000000000000000000000000000000_Separator2">
              <a:extLst>
                <a:ext uri="{FF2B5EF4-FFF2-40B4-BE49-F238E27FC236}">
                  <a16:creationId xmlns:a16="http://schemas.microsoft.com/office/drawing/2014/main" id="{0B535BCC-6212-5032-F10D-6AE1B559B4CE}"/>
                </a:ext>
              </a:extLst>
            </p:cNvPr>
            <p:cNvCxnSpPr/>
            <p:nvPr/>
          </p:nvCxnSpPr>
          <p:spPr>
            <a:xfrm>
              <a:off x="2732548"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OTLSHAPE_TB_00000000000000000000000000000000_TimescaleInterval3">
              <a:extLst>
                <a:ext uri="{FF2B5EF4-FFF2-40B4-BE49-F238E27FC236}">
                  <a16:creationId xmlns:a16="http://schemas.microsoft.com/office/drawing/2014/main" id="{9A93BC55-8648-284B-5CA2-7B19FE70A841}"/>
                </a:ext>
              </a:extLst>
            </p:cNvPr>
            <p:cNvSpPr txBox="1"/>
            <p:nvPr/>
          </p:nvSpPr>
          <p:spPr>
            <a:xfrm>
              <a:off x="2796049" y="4882728"/>
              <a:ext cx="228600"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Sep</a:t>
              </a:r>
            </a:p>
          </p:txBody>
        </p:sp>
        <p:cxnSp>
          <p:nvCxnSpPr>
            <p:cNvPr id="101" name="OTLSHAPE_TB_00000000000000000000000000000000_Separator3">
              <a:extLst>
                <a:ext uri="{FF2B5EF4-FFF2-40B4-BE49-F238E27FC236}">
                  <a16:creationId xmlns:a16="http://schemas.microsoft.com/office/drawing/2014/main" id="{C284C60C-6FC0-07FC-DA98-CB182B9A07F8}"/>
                </a:ext>
              </a:extLst>
            </p:cNvPr>
            <p:cNvCxnSpPr/>
            <p:nvPr/>
          </p:nvCxnSpPr>
          <p:spPr>
            <a:xfrm>
              <a:off x="3568675"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2" name="OTLSHAPE_TB_00000000000000000000000000000000_TimescaleInterval4">
              <a:extLst>
                <a:ext uri="{FF2B5EF4-FFF2-40B4-BE49-F238E27FC236}">
                  <a16:creationId xmlns:a16="http://schemas.microsoft.com/office/drawing/2014/main" id="{05539058-26B9-39DD-8A7A-DD5065D21CC8}"/>
                </a:ext>
              </a:extLst>
            </p:cNvPr>
            <p:cNvSpPr txBox="1"/>
            <p:nvPr/>
          </p:nvSpPr>
          <p:spPr>
            <a:xfrm>
              <a:off x="3632175" y="4882728"/>
              <a:ext cx="211148"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2">
                  <a:solidFill>
                    <a:schemeClr val="lt1"/>
                  </a:solidFill>
                  <a:latin typeface="Calibri" panose="020F0502020204030204" pitchFamily="34" charset="0"/>
                </a:rPr>
                <a:t>Oct</a:t>
              </a:r>
            </a:p>
          </p:txBody>
        </p:sp>
        <p:cxnSp>
          <p:nvCxnSpPr>
            <p:cNvPr id="103" name="OTLSHAPE_TB_00000000000000000000000000000000_Separator4">
              <a:extLst>
                <a:ext uri="{FF2B5EF4-FFF2-40B4-BE49-F238E27FC236}">
                  <a16:creationId xmlns:a16="http://schemas.microsoft.com/office/drawing/2014/main" id="{BBB540E8-5C48-325D-DB06-3CBF413670BF}"/>
                </a:ext>
              </a:extLst>
            </p:cNvPr>
            <p:cNvCxnSpPr/>
            <p:nvPr/>
          </p:nvCxnSpPr>
          <p:spPr>
            <a:xfrm>
              <a:off x="4432672"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OTLSHAPE_TB_00000000000000000000000000000000_TimescaleInterval5">
              <a:extLst>
                <a:ext uri="{FF2B5EF4-FFF2-40B4-BE49-F238E27FC236}">
                  <a16:creationId xmlns:a16="http://schemas.microsoft.com/office/drawing/2014/main" id="{0537718B-FBCB-8527-028A-2B94A7073937}"/>
                </a:ext>
              </a:extLst>
            </p:cNvPr>
            <p:cNvSpPr txBox="1"/>
            <p:nvPr/>
          </p:nvSpPr>
          <p:spPr>
            <a:xfrm>
              <a:off x="4496172" y="4882728"/>
              <a:ext cx="243978"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0">
                  <a:solidFill>
                    <a:schemeClr val="lt1"/>
                  </a:solidFill>
                  <a:latin typeface="Calibri" panose="020F0502020204030204" pitchFamily="34" charset="0"/>
                </a:rPr>
                <a:t>Nov</a:t>
              </a:r>
            </a:p>
          </p:txBody>
        </p:sp>
        <p:cxnSp>
          <p:nvCxnSpPr>
            <p:cNvPr id="105" name="OTLSHAPE_TB_00000000000000000000000000000000_Separator5">
              <a:extLst>
                <a:ext uri="{FF2B5EF4-FFF2-40B4-BE49-F238E27FC236}">
                  <a16:creationId xmlns:a16="http://schemas.microsoft.com/office/drawing/2014/main" id="{8001A320-180C-8255-3853-E0036B8DE9BD}"/>
                </a:ext>
              </a:extLst>
            </p:cNvPr>
            <p:cNvCxnSpPr/>
            <p:nvPr/>
          </p:nvCxnSpPr>
          <p:spPr>
            <a:xfrm>
              <a:off x="5268798"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6" name="OTLSHAPE_TB_00000000000000000000000000000000_TimescaleInterval6">
              <a:extLst>
                <a:ext uri="{FF2B5EF4-FFF2-40B4-BE49-F238E27FC236}">
                  <a16:creationId xmlns:a16="http://schemas.microsoft.com/office/drawing/2014/main" id="{AB3BF13C-BDE6-3BAE-E3A8-D4B97142683B}"/>
                </a:ext>
              </a:extLst>
            </p:cNvPr>
            <p:cNvSpPr txBox="1"/>
            <p:nvPr/>
          </p:nvSpPr>
          <p:spPr>
            <a:xfrm>
              <a:off x="5332298" y="4882728"/>
              <a:ext cx="231858"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2">
                  <a:solidFill>
                    <a:schemeClr val="lt1"/>
                  </a:solidFill>
                  <a:latin typeface="Calibri" panose="020F0502020204030204" pitchFamily="34" charset="0"/>
                </a:rPr>
                <a:t>Dec</a:t>
              </a:r>
            </a:p>
          </p:txBody>
        </p:sp>
        <p:cxnSp>
          <p:nvCxnSpPr>
            <p:cNvPr id="107" name="OTLSHAPE_TB_00000000000000000000000000000000_Separator6">
              <a:extLst>
                <a:ext uri="{FF2B5EF4-FFF2-40B4-BE49-F238E27FC236}">
                  <a16:creationId xmlns:a16="http://schemas.microsoft.com/office/drawing/2014/main" id="{FD121C45-DB84-DE35-AA2D-E6165D2019DA}"/>
                </a:ext>
              </a:extLst>
            </p:cNvPr>
            <p:cNvCxnSpPr/>
            <p:nvPr/>
          </p:nvCxnSpPr>
          <p:spPr>
            <a:xfrm>
              <a:off x="6132795"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8" name="OTLSHAPE_TB_00000000000000000000000000000000_TimescaleInterval7">
              <a:extLst>
                <a:ext uri="{FF2B5EF4-FFF2-40B4-BE49-F238E27FC236}">
                  <a16:creationId xmlns:a16="http://schemas.microsoft.com/office/drawing/2014/main" id="{499CA7AE-F092-91B1-368A-A1C85127262D}"/>
                </a:ext>
              </a:extLst>
            </p:cNvPr>
            <p:cNvSpPr txBox="1"/>
            <p:nvPr/>
          </p:nvSpPr>
          <p:spPr>
            <a:xfrm>
              <a:off x="6196295" y="4882728"/>
              <a:ext cx="304955"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0">
                  <a:solidFill>
                    <a:schemeClr val="lt1"/>
                  </a:solidFill>
                  <a:latin typeface="Calibri" panose="020F0502020204030204" pitchFamily="34" charset="0"/>
                </a:rPr>
                <a:t>Jan</a:t>
              </a:r>
            </a:p>
          </p:txBody>
        </p:sp>
        <p:cxnSp>
          <p:nvCxnSpPr>
            <p:cNvPr id="109" name="OTLSHAPE_TB_00000000000000000000000000000000_Separator7">
              <a:extLst>
                <a:ext uri="{FF2B5EF4-FFF2-40B4-BE49-F238E27FC236}">
                  <a16:creationId xmlns:a16="http://schemas.microsoft.com/office/drawing/2014/main" id="{445C9A4C-E52D-5F42-24BD-009F60616B25}"/>
                </a:ext>
              </a:extLst>
            </p:cNvPr>
            <p:cNvCxnSpPr/>
            <p:nvPr/>
          </p:nvCxnSpPr>
          <p:spPr>
            <a:xfrm>
              <a:off x="6996793"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0" name="OTLSHAPE_TB_00000000000000000000000000000000_TimescaleInterval8">
              <a:extLst>
                <a:ext uri="{FF2B5EF4-FFF2-40B4-BE49-F238E27FC236}">
                  <a16:creationId xmlns:a16="http://schemas.microsoft.com/office/drawing/2014/main" id="{88121CFA-F9F1-AA10-B7E1-C0B6815EFC07}"/>
                </a:ext>
              </a:extLst>
            </p:cNvPr>
            <p:cNvSpPr txBox="1"/>
            <p:nvPr/>
          </p:nvSpPr>
          <p:spPr>
            <a:xfrm>
              <a:off x="7060293" y="4882728"/>
              <a:ext cx="219227"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Feb</a:t>
              </a:r>
            </a:p>
          </p:txBody>
        </p:sp>
        <p:cxnSp>
          <p:nvCxnSpPr>
            <p:cNvPr id="111" name="OTLSHAPE_TB_00000000000000000000000000000000_Separator8">
              <a:extLst>
                <a:ext uri="{FF2B5EF4-FFF2-40B4-BE49-F238E27FC236}">
                  <a16:creationId xmlns:a16="http://schemas.microsoft.com/office/drawing/2014/main" id="{52D6FEA0-B42F-5087-5EE1-56339D61A79B}"/>
                </a:ext>
              </a:extLst>
            </p:cNvPr>
            <p:cNvCxnSpPr/>
            <p:nvPr/>
          </p:nvCxnSpPr>
          <p:spPr>
            <a:xfrm>
              <a:off x="7777177"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2" name="OTLSHAPE_TB_00000000000000000000000000000000_TimescaleInterval9">
              <a:extLst>
                <a:ext uri="{FF2B5EF4-FFF2-40B4-BE49-F238E27FC236}">
                  <a16:creationId xmlns:a16="http://schemas.microsoft.com/office/drawing/2014/main" id="{791FDD29-98A5-ECCA-94B8-0F9AB95C2983}"/>
                </a:ext>
              </a:extLst>
            </p:cNvPr>
            <p:cNvSpPr txBox="1"/>
            <p:nvPr/>
          </p:nvSpPr>
          <p:spPr>
            <a:xfrm>
              <a:off x="7840677" y="4882728"/>
              <a:ext cx="255776"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Mar</a:t>
              </a:r>
            </a:p>
          </p:txBody>
        </p:sp>
        <p:cxnSp>
          <p:nvCxnSpPr>
            <p:cNvPr id="113" name="OTLSHAPE_TB_00000000000000000000000000000000_Separator9">
              <a:extLst>
                <a:ext uri="{FF2B5EF4-FFF2-40B4-BE49-F238E27FC236}">
                  <a16:creationId xmlns:a16="http://schemas.microsoft.com/office/drawing/2014/main" id="{D5F38542-F5A9-241E-918E-8D348D5FD61B}"/>
                </a:ext>
              </a:extLst>
            </p:cNvPr>
            <p:cNvCxnSpPr/>
            <p:nvPr/>
          </p:nvCxnSpPr>
          <p:spPr>
            <a:xfrm>
              <a:off x="8641174"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4" name="OTLSHAPE_TB_00000000000000000000000000000000_TimescaleInterval10">
              <a:extLst>
                <a:ext uri="{FF2B5EF4-FFF2-40B4-BE49-F238E27FC236}">
                  <a16:creationId xmlns:a16="http://schemas.microsoft.com/office/drawing/2014/main" id="{9C64DD92-0F1D-7A0E-EB85-4B749D4C3FD4}"/>
                </a:ext>
              </a:extLst>
            </p:cNvPr>
            <p:cNvSpPr txBox="1"/>
            <p:nvPr/>
          </p:nvSpPr>
          <p:spPr>
            <a:xfrm>
              <a:off x="8704674" y="4882728"/>
              <a:ext cx="219740"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Apr</a:t>
              </a:r>
            </a:p>
          </p:txBody>
        </p:sp>
        <p:cxnSp>
          <p:nvCxnSpPr>
            <p:cNvPr id="115" name="OTLSHAPE_TB_00000000000000000000000000000000_Separator10">
              <a:extLst>
                <a:ext uri="{FF2B5EF4-FFF2-40B4-BE49-F238E27FC236}">
                  <a16:creationId xmlns:a16="http://schemas.microsoft.com/office/drawing/2014/main" id="{6AE9FDF3-8A6E-ED61-4000-37D41E4796FD}"/>
                </a:ext>
              </a:extLst>
            </p:cNvPr>
            <p:cNvCxnSpPr/>
            <p:nvPr/>
          </p:nvCxnSpPr>
          <p:spPr>
            <a:xfrm>
              <a:off x="9477300"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6" name="OTLSHAPE_TB_00000000000000000000000000000000_TimescaleInterval11">
              <a:extLst>
                <a:ext uri="{FF2B5EF4-FFF2-40B4-BE49-F238E27FC236}">
                  <a16:creationId xmlns:a16="http://schemas.microsoft.com/office/drawing/2014/main" id="{D975B9AA-D494-2DEB-6F83-1FFFDD73D67D}"/>
                </a:ext>
              </a:extLst>
            </p:cNvPr>
            <p:cNvSpPr txBox="1"/>
            <p:nvPr/>
          </p:nvSpPr>
          <p:spPr>
            <a:xfrm>
              <a:off x="9540801" y="4882728"/>
              <a:ext cx="268150"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May</a:t>
              </a:r>
            </a:p>
          </p:txBody>
        </p:sp>
        <p:cxnSp>
          <p:nvCxnSpPr>
            <p:cNvPr id="117" name="OTLSHAPE_TB_00000000000000000000000000000000_Separator11">
              <a:extLst>
                <a:ext uri="{FF2B5EF4-FFF2-40B4-BE49-F238E27FC236}">
                  <a16:creationId xmlns:a16="http://schemas.microsoft.com/office/drawing/2014/main" id="{01DE0FD5-A54C-9267-027D-5E4A9E39B6AF}"/>
                </a:ext>
              </a:extLst>
            </p:cNvPr>
            <p:cNvCxnSpPr/>
            <p:nvPr/>
          </p:nvCxnSpPr>
          <p:spPr>
            <a:xfrm>
              <a:off x="10341297"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OTLSHAPE_TB_00000000000000000000000000000000_TimescaleInterval12">
              <a:extLst>
                <a:ext uri="{FF2B5EF4-FFF2-40B4-BE49-F238E27FC236}">
                  <a16:creationId xmlns:a16="http://schemas.microsoft.com/office/drawing/2014/main" id="{51FBD6AC-5B93-F54F-E8A9-739E56585719}"/>
                </a:ext>
              </a:extLst>
            </p:cNvPr>
            <p:cNvSpPr txBox="1"/>
            <p:nvPr/>
          </p:nvSpPr>
          <p:spPr>
            <a:xfrm>
              <a:off x="10404798" y="4882728"/>
              <a:ext cx="206916"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Jun</a:t>
              </a:r>
            </a:p>
          </p:txBody>
        </p:sp>
        <p:sp>
          <p:nvSpPr>
            <p:cNvPr id="119" name="OTLSHAPE_M_8cc1ba62bc92479399f399f1daac8d07_Title">
              <a:extLst>
                <a:ext uri="{FF2B5EF4-FFF2-40B4-BE49-F238E27FC236}">
                  <a16:creationId xmlns:a16="http://schemas.microsoft.com/office/drawing/2014/main" id="{6823CD81-5F71-3912-DCD7-94DB91FC48A6}"/>
                </a:ext>
              </a:extLst>
            </p:cNvPr>
            <p:cNvSpPr txBox="1"/>
            <p:nvPr/>
          </p:nvSpPr>
          <p:spPr>
            <a:xfrm>
              <a:off x="2414968" y="4265571"/>
              <a:ext cx="9779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2">
                  <a:solidFill>
                    <a:schemeClr val="dk1"/>
                  </a:solidFill>
                  <a:latin typeface="Calibri" panose="020F0502020204030204" pitchFamily="34" charset="0"/>
                </a:rPr>
                <a:t>1st Qtr. LCB Mtg.</a:t>
              </a:r>
            </a:p>
          </p:txBody>
        </p:sp>
        <p:sp>
          <p:nvSpPr>
            <p:cNvPr id="120" name="OTLSHAPE_M_8cc1ba62bc92479399f399f1daac8d07_Date">
              <a:extLst>
                <a:ext uri="{FF2B5EF4-FFF2-40B4-BE49-F238E27FC236}">
                  <a16:creationId xmlns:a16="http://schemas.microsoft.com/office/drawing/2014/main" id="{A059720C-CB03-877B-F6AA-82B2225F08F6}"/>
                </a:ext>
              </a:extLst>
            </p:cNvPr>
            <p:cNvSpPr txBox="1"/>
            <p:nvPr/>
          </p:nvSpPr>
          <p:spPr>
            <a:xfrm>
              <a:off x="2414968" y="4461489"/>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21" name="OTLSHAPE_M_8cc1ba62bc92479399f399f1daac8d07_Shape">
              <a:extLst>
                <a:ext uri="{FF2B5EF4-FFF2-40B4-BE49-F238E27FC236}">
                  <a16:creationId xmlns:a16="http://schemas.microsoft.com/office/drawing/2014/main" id="{0ADD8025-4F03-A72F-2449-D75F844B62DF}"/>
                </a:ext>
              </a:extLst>
            </p:cNvPr>
            <p:cNvSpPr/>
            <p:nvPr/>
          </p:nvSpPr>
          <p:spPr>
            <a:xfrm rot="16200000">
              <a:off x="2218118" y="4383892"/>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22" name="OTLSHAPE_M_051a32e4ff0e47229380669de64fe5ab_Title">
              <a:extLst>
                <a:ext uri="{FF2B5EF4-FFF2-40B4-BE49-F238E27FC236}">
                  <a16:creationId xmlns:a16="http://schemas.microsoft.com/office/drawing/2014/main" id="{C55B0730-D815-7F84-3FA7-3D61AB7DB00A}"/>
                </a:ext>
              </a:extLst>
            </p:cNvPr>
            <p:cNvSpPr txBox="1"/>
            <p:nvPr/>
          </p:nvSpPr>
          <p:spPr>
            <a:xfrm>
              <a:off x="2414968" y="3800327"/>
              <a:ext cx="6604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8">
                  <a:solidFill>
                    <a:schemeClr val="dk1"/>
                  </a:solidFill>
                  <a:latin typeface="Calibri" panose="020F0502020204030204" pitchFamily="34" charset="0"/>
                </a:rPr>
                <a:t>AER</a:t>
              </a:r>
            </a:p>
          </p:txBody>
        </p:sp>
        <p:sp>
          <p:nvSpPr>
            <p:cNvPr id="123" name="OTLSHAPE_M_051a32e4ff0e47229380669de64fe5ab_Date">
              <a:extLst>
                <a:ext uri="{FF2B5EF4-FFF2-40B4-BE49-F238E27FC236}">
                  <a16:creationId xmlns:a16="http://schemas.microsoft.com/office/drawing/2014/main" id="{D93D7536-34D0-CBB5-6176-65F487C22D12}"/>
                </a:ext>
              </a:extLst>
            </p:cNvPr>
            <p:cNvSpPr txBox="1"/>
            <p:nvPr/>
          </p:nvSpPr>
          <p:spPr>
            <a:xfrm>
              <a:off x="2414968" y="3996246"/>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24" name="OTLSHAPE_M_051a32e4ff0e47229380669de64fe5ab_Shape">
              <a:extLst>
                <a:ext uri="{FF2B5EF4-FFF2-40B4-BE49-F238E27FC236}">
                  <a16:creationId xmlns:a16="http://schemas.microsoft.com/office/drawing/2014/main" id="{323E1D15-9A44-F215-AB8F-2830E1748D49}"/>
                </a:ext>
              </a:extLst>
            </p:cNvPr>
            <p:cNvSpPr/>
            <p:nvPr/>
          </p:nvSpPr>
          <p:spPr>
            <a:xfrm rot="16200000">
              <a:off x="2218118" y="3918649"/>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25" name="OTLSHAPE_M_9f860f8d65ee4aac85039f30c2ffcf33_Title">
              <a:extLst>
                <a:ext uri="{FF2B5EF4-FFF2-40B4-BE49-F238E27FC236}">
                  <a16:creationId xmlns:a16="http://schemas.microsoft.com/office/drawing/2014/main" id="{B5478DBC-8BE5-A88F-8E60-A8847FA33032}"/>
                </a:ext>
              </a:extLst>
            </p:cNvPr>
            <p:cNvSpPr txBox="1"/>
            <p:nvPr/>
          </p:nvSpPr>
          <p:spPr>
            <a:xfrm>
              <a:off x="2408617" y="2886181"/>
              <a:ext cx="12700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4" dirty="0">
                  <a:solidFill>
                    <a:schemeClr val="dk1"/>
                  </a:solidFill>
                  <a:latin typeface="Calibri" panose="020F0502020204030204" pitchFamily="34" charset="0"/>
                </a:rPr>
                <a:t>Grievance Procedures</a:t>
              </a:r>
            </a:p>
          </p:txBody>
        </p:sp>
        <p:sp>
          <p:nvSpPr>
            <p:cNvPr id="126" name="OTLSHAPE_M_9f860f8d65ee4aac85039f30c2ffcf33_Date">
              <a:extLst>
                <a:ext uri="{FF2B5EF4-FFF2-40B4-BE49-F238E27FC236}">
                  <a16:creationId xmlns:a16="http://schemas.microsoft.com/office/drawing/2014/main" id="{90F20286-EA94-5201-BD56-0D5CEE0CDC0B}"/>
                </a:ext>
              </a:extLst>
            </p:cNvPr>
            <p:cNvSpPr txBox="1"/>
            <p:nvPr/>
          </p:nvSpPr>
          <p:spPr>
            <a:xfrm>
              <a:off x="2414968" y="3065759"/>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27" name="OTLSHAPE_M_9f860f8d65ee4aac85039f30c2ffcf33_Shape">
              <a:extLst>
                <a:ext uri="{FF2B5EF4-FFF2-40B4-BE49-F238E27FC236}">
                  <a16:creationId xmlns:a16="http://schemas.microsoft.com/office/drawing/2014/main" id="{C6A6A744-7BAA-DFDC-DCD4-72C64D45F5E9}"/>
                </a:ext>
              </a:extLst>
            </p:cNvPr>
            <p:cNvSpPr/>
            <p:nvPr/>
          </p:nvSpPr>
          <p:spPr>
            <a:xfrm rot="16200000">
              <a:off x="2218118" y="298816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28" name="OTLSHAPE_M_2b147c48339f434892a5ef1836ea3597_Title">
              <a:extLst>
                <a:ext uri="{FF2B5EF4-FFF2-40B4-BE49-F238E27FC236}">
                  <a16:creationId xmlns:a16="http://schemas.microsoft.com/office/drawing/2014/main" id="{3BF35E7D-C1BE-D880-77E2-750B94FEECD3}"/>
                </a:ext>
              </a:extLst>
            </p:cNvPr>
            <p:cNvSpPr txBox="1"/>
            <p:nvPr/>
          </p:nvSpPr>
          <p:spPr>
            <a:xfrm>
              <a:off x="2421318" y="3390899"/>
              <a:ext cx="4826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0">
                  <a:solidFill>
                    <a:schemeClr val="dk1"/>
                  </a:solidFill>
                  <a:latin typeface="Calibri" panose="020F0502020204030204" pitchFamily="34" charset="0"/>
                </a:rPr>
                <a:t>By-Laws</a:t>
              </a:r>
            </a:p>
          </p:txBody>
        </p:sp>
        <p:sp>
          <p:nvSpPr>
            <p:cNvPr id="129" name="OTLSHAPE_M_2b147c48339f434892a5ef1836ea3597_Date">
              <a:extLst>
                <a:ext uri="{FF2B5EF4-FFF2-40B4-BE49-F238E27FC236}">
                  <a16:creationId xmlns:a16="http://schemas.microsoft.com/office/drawing/2014/main" id="{2E821653-E8E8-1E43-9AA6-2EBA8901D1A4}"/>
                </a:ext>
              </a:extLst>
            </p:cNvPr>
            <p:cNvSpPr txBox="1"/>
            <p:nvPr/>
          </p:nvSpPr>
          <p:spPr>
            <a:xfrm>
              <a:off x="2414967" y="2601084"/>
              <a:ext cx="576039"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30" name="OTLSHAPE_M_2b147c48339f434892a5ef1836ea3597_Shape">
              <a:extLst>
                <a:ext uri="{FF2B5EF4-FFF2-40B4-BE49-F238E27FC236}">
                  <a16:creationId xmlns:a16="http://schemas.microsoft.com/office/drawing/2014/main" id="{3598A958-5BAB-3A72-2556-AF1F5260DC6D}"/>
                </a:ext>
              </a:extLst>
            </p:cNvPr>
            <p:cNvSpPr/>
            <p:nvPr/>
          </p:nvSpPr>
          <p:spPr>
            <a:xfrm rot="16200000">
              <a:off x="2218118" y="2522919"/>
              <a:ext cx="165100" cy="165100"/>
            </a:xfrm>
            <a:prstGeom prst="flowChartMerge">
              <a:avLst/>
            </a:prstGeom>
            <a:solidFill>
              <a:srgbClr val="02B2E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31" name="OTLSHAPE_M_59b5ac8298c14cca9e65190bf60d5d05_Title">
              <a:extLst>
                <a:ext uri="{FF2B5EF4-FFF2-40B4-BE49-F238E27FC236}">
                  <a16:creationId xmlns:a16="http://schemas.microsoft.com/office/drawing/2014/main" id="{BF5D52B1-E646-649C-D70D-4061FFAB91FA}"/>
                </a:ext>
              </a:extLst>
            </p:cNvPr>
            <p:cNvSpPr txBox="1"/>
            <p:nvPr/>
          </p:nvSpPr>
          <p:spPr>
            <a:xfrm>
              <a:off x="4200545" y="2958945"/>
              <a:ext cx="13081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4">
                  <a:solidFill>
                    <a:schemeClr val="dk1"/>
                  </a:solidFill>
                  <a:latin typeface="Calibri" panose="020F0502020204030204" pitchFamily="34" charset="0"/>
                </a:rPr>
                <a:t>CTD Annual Workshop</a:t>
              </a:r>
            </a:p>
          </p:txBody>
        </p:sp>
        <p:sp>
          <p:nvSpPr>
            <p:cNvPr id="132" name="OTLSHAPE_M_59b5ac8298c14cca9e65190bf60d5d05_Date">
              <a:extLst>
                <a:ext uri="{FF2B5EF4-FFF2-40B4-BE49-F238E27FC236}">
                  <a16:creationId xmlns:a16="http://schemas.microsoft.com/office/drawing/2014/main" id="{D5AE52AF-7331-475F-58B0-191A8E607093}"/>
                </a:ext>
              </a:extLst>
            </p:cNvPr>
            <p:cNvSpPr txBox="1"/>
            <p:nvPr/>
          </p:nvSpPr>
          <p:spPr>
            <a:xfrm>
              <a:off x="4208796" y="3147531"/>
              <a:ext cx="622300" cy="307777"/>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30/2022 8/31/2022</a:t>
              </a:r>
            </a:p>
          </p:txBody>
        </p:sp>
        <p:sp>
          <p:nvSpPr>
            <p:cNvPr id="133" name="OTLSHAPE_M_59b5ac8298c14cca9e65190bf60d5d05_Shape">
              <a:extLst>
                <a:ext uri="{FF2B5EF4-FFF2-40B4-BE49-F238E27FC236}">
                  <a16:creationId xmlns:a16="http://schemas.microsoft.com/office/drawing/2014/main" id="{55668D12-4C67-4EF1-8F13-FB7BD882FAC0}"/>
                </a:ext>
              </a:extLst>
            </p:cNvPr>
            <p:cNvSpPr/>
            <p:nvPr/>
          </p:nvSpPr>
          <p:spPr>
            <a:xfrm rot="16200000">
              <a:off x="4001272" y="2967948"/>
              <a:ext cx="165100" cy="165100"/>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34" name="OTLSHAPE_M_eeea1fa11e334dd58f2c60a46c353138_Title">
              <a:extLst>
                <a:ext uri="{FF2B5EF4-FFF2-40B4-BE49-F238E27FC236}">
                  <a16:creationId xmlns:a16="http://schemas.microsoft.com/office/drawing/2014/main" id="{15CAD5FC-2BA5-BFB3-A51A-93305B70B35E}"/>
                </a:ext>
              </a:extLst>
            </p:cNvPr>
            <p:cNvSpPr txBox="1"/>
            <p:nvPr/>
          </p:nvSpPr>
          <p:spPr>
            <a:xfrm>
              <a:off x="5041492" y="4337205"/>
              <a:ext cx="10287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2">
                  <a:solidFill>
                    <a:schemeClr val="dk1"/>
                  </a:solidFill>
                  <a:latin typeface="Calibri" panose="020F0502020204030204" pitchFamily="34" charset="0"/>
                </a:rPr>
                <a:t>2nd Qtr. LCB Mtg.</a:t>
              </a:r>
            </a:p>
          </p:txBody>
        </p:sp>
        <p:sp>
          <p:nvSpPr>
            <p:cNvPr id="135" name="OTLSHAPE_M_eeea1fa11e334dd58f2c60a46c353138_Date">
              <a:extLst>
                <a:ext uri="{FF2B5EF4-FFF2-40B4-BE49-F238E27FC236}">
                  <a16:creationId xmlns:a16="http://schemas.microsoft.com/office/drawing/2014/main" id="{20DADBC9-CA26-19DA-FEEE-73F67F633563}"/>
                </a:ext>
              </a:extLst>
            </p:cNvPr>
            <p:cNvSpPr txBox="1"/>
            <p:nvPr/>
          </p:nvSpPr>
          <p:spPr>
            <a:xfrm>
              <a:off x="5043194" y="4513666"/>
              <a:ext cx="6223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11/16/2022</a:t>
              </a:r>
            </a:p>
          </p:txBody>
        </p:sp>
        <p:sp>
          <p:nvSpPr>
            <p:cNvPr id="136" name="OTLSHAPE_M_eeea1fa11e334dd58f2c60a46c353138_Shape">
              <a:extLst>
                <a:ext uri="{FF2B5EF4-FFF2-40B4-BE49-F238E27FC236}">
                  <a16:creationId xmlns:a16="http://schemas.microsoft.com/office/drawing/2014/main" id="{A9A522F1-A236-5238-0C7F-E41930D5DC77}"/>
                </a:ext>
              </a:extLst>
            </p:cNvPr>
            <p:cNvSpPr/>
            <p:nvPr/>
          </p:nvSpPr>
          <p:spPr>
            <a:xfrm rot="16200000">
              <a:off x="4854595" y="4336733"/>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37" name="OTLSHAPE_M_99d798c70a7246909196591bc2f26927_Title">
              <a:extLst>
                <a:ext uri="{FF2B5EF4-FFF2-40B4-BE49-F238E27FC236}">
                  <a16:creationId xmlns:a16="http://schemas.microsoft.com/office/drawing/2014/main" id="{4AF2762E-EAB9-2C8A-7F4B-B9B8D290BB58}"/>
                </a:ext>
              </a:extLst>
            </p:cNvPr>
            <p:cNvSpPr txBox="1"/>
            <p:nvPr/>
          </p:nvSpPr>
          <p:spPr>
            <a:xfrm>
              <a:off x="2408617" y="2439358"/>
              <a:ext cx="11430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4">
                  <a:solidFill>
                    <a:schemeClr val="dk1"/>
                  </a:solidFill>
                  <a:latin typeface="Calibri" panose="020F0502020204030204" pitchFamily="34" charset="0"/>
                </a:rPr>
                <a:t>TDSP Major Update</a:t>
              </a:r>
            </a:p>
          </p:txBody>
        </p:sp>
        <p:sp>
          <p:nvSpPr>
            <p:cNvPr id="138" name="OTLSHAPE_M_99d798c70a7246909196591bc2f26927_Shape">
              <a:extLst>
                <a:ext uri="{FF2B5EF4-FFF2-40B4-BE49-F238E27FC236}">
                  <a16:creationId xmlns:a16="http://schemas.microsoft.com/office/drawing/2014/main" id="{FC80AE61-F6E3-6A16-242D-6300B2088F90}"/>
                </a:ext>
              </a:extLst>
            </p:cNvPr>
            <p:cNvSpPr/>
            <p:nvPr/>
          </p:nvSpPr>
          <p:spPr>
            <a:xfrm rot="16200000">
              <a:off x="4871882" y="3843440"/>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39" name="OTLSHAPE_M_4a809e654a0946ee954141d87088c742_Title">
              <a:extLst>
                <a:ext uri="{FF2B5EF4-FFF2-40B4-BE49-F238E27FC236}">
                  <a16:creationId xmlns:a16="http://schemas.microsoft.com/office/drawing/2014/main" id="{2F4B8ED1-8010-44FD-9860-5C9318D2C3F8}"/>
                </a:ext>
              </a:extLst>
            </p:cNvPr>
            <p:cNvSpPr txBox="1"/>
            <p:nvPr/>
          </p:nvSpPr>
          <p:spPr>
            <a:xfrm>
              <a:off x="7782791" y="4218412"/>
              <a:ext cx="10033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2">
                  <a:solidFill>
                    <a:schemeClr val="dk1"/>
                  </a:solidFill>
                  <a:latin typeface="Calibri" panose="020F0502020204030204" pitchFamily="34" charset="0"/>
                </a:rPr>
                <a:t>3rd Qtr. LCB Mtg.</a:t>
              </a:r>
            </a:p>
          </p:txBody>
        </p:sp>
        <p:sp>
          <p:nvSpPr>
            <p:cNvPr id="140" name="OTLSHAPE_M_4a809e654a0946ee954141d87088c742_Date">
              <a:extLst>
                <a:ext uri="{FF2B5EF4-FFF2-40B4-BE49-F238E27FC236}">
                  <a16:creationId xmlns:a16="http://schemas.microsoft.com/office/drawing/2014/main" id="{253A228F-9752-3CD0-C616-D38DE843F3F4}"/>
                </a:ext>
              </a:extLst>
            </p:cNvPr>
            <p:cNvSpPr txBox="1"/>
            <p:nvPr/>
          </p:nvSpPr>
          <p:spPr>
            <a:xfrm>
              <a:off x="7782791" y="4414898"/>
              <a:ext cx="558800"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2/22/2023</a:t>
              </a:r>
            </a:p>
          </p:txBody>
        </p:sp>
        <p:sp>
          <p:nvSpPr>
            <p:cNvPr id="141" name="OTLSHAPE_M_4a809e654a0946ee954141d87088c742_Shape">
              <a:extLst>
                <a:ext uri="{FF2B5EF4-FFF2-40B4-BE49-F238E27FC236}">
                  <a16:creationId xmlns:a16="http://schemas.microsoft.com/office/drawing/2014/main" id="{9ABB2609-4562-BECB-BE1C-903551DB1AF7}"/>
                </a:ext>
              </a:extLst>
            </p:cNvPr>
            <p:cNvSpPr/>
            <p:nvPr/>
          </p:nvSpPr>
          <p:spPr>
            <a:xfrm rot="16200000">
              <a:off x="7585941" y="4336733"/>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42" name="OTLSHAPE_M_21535a59df9540569025f84196d711f4_Title">
              <a:extLst>
                <a:ext uri="{FF2B5EF4-FFF2-40B4-BE49-F238E27FC236}">
                  <a16:creationId xmlns:a16="http://schemas.microsoft.com/office/drawing/2014/main" id="{BEF82173-88A5-7DE8-C142-17C29BEEF674}"/>
                </a:ext>
              </a:extLst>
            </p:cNvPr>
            <p:cNvSpPr txBox="1"/>
            <p:nvPr/>
          </p:nvSpPr>
          <p:spPr>
            <a:xfrm>
              <a:off x="7782791" y="3753168"/>
              <a:ext cx="12700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8">
                  <a:solidFill>
                    <a:schemeClr val="dk1"/>
                  </a:solidFill>
                  <a:latin typeface="Calibri" panose="020F0502020204030204" pitchFamily="34" charset="0"/>
                </a:rPr>
                <a:t>CTC Evaluation Begins</a:t>
              </a:r>
            </a:p>
          </p:txBody>
        </p:sp>
        <p:sp>
          <p:nvSpPr>
            <p:cNvPr id="143" name="OTLSHAPE_M_21535a59df9540569025f84196d711f4_Date">
              <a:extLst>
                <a:ext uri="{FF2B5EF4-FFF2-40B4-BE49-F238E27FC236}">
                  <a16:creationId xmlns:a16="http://schemas.microsoft.com/office/drawing/2014/main" id="{13962362-F53A-FAD7-9735-60436695AEBA}"/>
                </a:ext>
              </a:extLst>
            </p:cNvPr>
            <p:cNvSpPr txBox="1"/>
            <p:nvPr/>
          </p:nvSpPr>
          <p:spPr>
            <a:xfrm>
              <a:off x="7782791" y="3949087"/>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2/22/2023</a:t>
              </a:r>
            </a:p>
          </p:txBody>
        </p:sp>
        <p:sp>
          <p:nvSpPr>
            <p:cNvPr id="144" name="OTLSHAPE_M_21535a59df9540569025f84196d711f4_Shape">
              <a:extLst>
                <a:ext uri="{FF2B5EF4-FFF2-40B4-BE49-F238E27FC236}">
                  <a16:creationId xmlns:a16="http://schemas.microsoft.com/office/drawing/2014/main" id="{376770A1-9F1A-5FA1-2FFF-B7B7E717C0EE}"/>
                </a:ext>
              </a:extLst>
            </p:cNvPr>
            <p:cNvSpPr/>
            <p:nvPr/>
          </p:nvSpPr>
          <p:spPr>
            <a:xfrm rot="16200000">
              <a:off x="7585941" y="3871490"/>
              <a:ext cx="165100" cy="165100"/>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45" name="OTLSHAPE_M_7779da636b0d44c6a9d4931bdc62788b_Title">
              <a:extLst>
                <a:ext uri="{FF2B5EF4-FFF2-40B4-BE49-F238E27FC236}">
                  <a16:creationId xmlns:a16="http://schemas.microsoft.com/office/drawing/2014/main" id="{2306251C-A85A-83EC-0E18-42B274E66001}"/>
                </a:ext>
              </a:extLst>
            </p:cNvPr>
            <p:cNvSpPr txBox="1"/>
            <p:nvPr/>
          </p:nvSpPr>
          <p:spPr>
            <a:xfrm>
              <a:off x="7782791" y="3287925"/>
              <a:ext cx="8382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4">
                  <a:solidFill>
                    <a:schemeClr val="dk1"/>
                  </a:solidFill>
                  <a:latin typeface="Calibri" panose="020F0502020204030204" pitchFamily="34" charset="0"/>
                </a:rPr>
                <a:t>Public Hearing</a:t>
              </a:r>
            </a:p>
          </p:txBody>
        </p:sp>
        <p:sp>
          <p:nvSpPr>
            <p:cNvPr id="146" name="OTLSHAPE_M_7779da636b0d44c6a9d4931bdc62788b_Date">
              <a:extLst>
                <a:ext uri="{FF2B5EF4-FFF2-40B4-BE49-F238E27FC236}">
                  <a16:creationId xmlns:a16="http://schemas.microsoft.com/office/drawing/2014/main" id="{0A9A6FA6-9038-5EA7-027A-7683B4934BF1}"/>
                </a:ext>
              </a:extLst>
            </p:cNvPr>
            <p:cNvSpPr txBox="1"/>
            <p:nvPr/>
          </p:nvSpPr>
          <p:spPr>
            <a:xfrm>
              <a:off x="7782791" y="3483844"/>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2/22/2023</a:t>
              </a:r>
            </a:p>
          </p:txBody>
        </p:sp>
        <p:sp>
          <p:nvSpPr>
            <p:cNvPr id="147" name="OTLSHAPE_M_7779da636b0d44c6a9d4931bdc62788b_Shape">
              <a:extLst>
                <a:ext uri="{FF2B5EF4-FFF2-40B4-BE49-F238E27FC236}">
                  <a16:creationId xmlns:a16="http://schemas.microsoft.com/office/drawing/2014/main" id="{644AF278-4873-D852-2FC6-3FC99FD4D73A}"/>
                </a:ext>
              </a:extLst>
            </p:cNvPr>
            <p:cNvSpPr/>
            <p:nvPr/>
          </p:nvSpPr>
          <p:spPr>
            <a:xfrm rot="16200000">
              <a:off x="7585941" y="3406247"/>
              <a:ext cx="165100" cy="165100"/>
            </a:xfrm>
            <a:prstGeom prst="flowChartMerge">
              <a:avLst/>
            </a:prstGeom>
            <a:solidFill>
              <a:srgbClr val="02B2E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48" name="OTLSHAPE_M_6b3c3ff01b9f4587bf3402e36d7d8c6c_Title">
              <a:extLst>
                <a:ext uri="{FF2B5EF4-FFF2-40B4-BE49-F238E27FC236}">
                  <a16:creationId xmlns:a16="http://schemas.microsoft.com/office/drawing/2014/main" id="{095FA31D-0BAF-554B-B0EE-B75390022254}"/>
                </a:ext>
              </a:extLst>
            </p:cNvPr>
            <p:cNvSpPr txBox="1"/>
            <p:nvPr/>
          </p:nvSpPr>
          <p:spPr>
            <a:xfrm>
              <a:off x="5064992" y="3833856"/>
              <a:ext cx="12446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8">
                  <a:solidFill>
                    <a:schemeClr val="dk1"/>
                  </a:solidFill>
                  <a:latin typeface="Calibri" panose="020F0502020204030204" pitchFamily="34" charset="0"/>
                </a:rPr>
                <a:t>AOR</a:t>
              </a:r>
            </a:p>
          </p:txBody>
        </p:sp>
        <p:sp>
          <p:nvSpPr>
            <p:cNvPr id="149" name="OTLSHAPE_M_6b3c3ff01b9f4587bf3402e36d7d8c6c_Date">
              <a:extLst>
                <a:ext uri="{FF2B5EF4-FFF2-40B4-BE49-F238E27FC236}">
                  <a16:creationId xmlns:a16="http://schemas.microsoft.com/office/drawing/2014/main" id="{142E56F1-8175-9A90-4A19-ED12DA19FACC}"/>
                </a:ext>
              </a:extLst>
            </p:cNvPr>
            <p:cNvSpPr txBox="1"/>
            <p:nvPr/>
          </p:nvSpPr>
          <p:spPr>
            <a:xfrm>
              <a:off x="5081378" y="4003080"/>
              <a:ext cx="688705"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11/16/2022</a:t>
              </a:r>
            </a:p>
          </p:txBody>
        </p:sp>
        <p:sp>
          <p:nvSpPr>
            <p:cNvPr id="150" name="OTLSHAPE_M_6b3c3ff01b9f4587bf3402e36d7d8c6c_Shape">
              <a:extLst>
                <a:ext uri="{FF2B5EF4-FFF2-40B4-BE49-F238E27FC236}">
                  <a16:creationId xmlns:a16="http://schemas.microsoft.com/office/drawing/2014/main" id="{6FCAC16B-C32D-8F9D-4CD6-B9A6C0DA0E59}"/>
                </a:ext>
              </a:extLst>
            </p:cNvPr>
            <p:cNvSpPr/>
            <p:nvPr/>
          </p:nvSpPr>
          <p:spPr>
            <a:xfrm rot="16200000">
              <a:off x="2222493" y="340594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51" name="OTLSHAPE_M_2e036c6c32514b56b8aa0e3bba5e98e7_Title">
              <a:extLst>
                <a:ext uri="{FF2B5EF4-FFF2-40B4-BE49-F238E27FC236}">
                  <a16:creationId xmlns:a16="http://schemas.microsoft.com/office/drawing/2014/main" id="{2251D3F9-E583-7F1E-F53D-C23F2F826FA9}"/>
                </a:ext>
              </a:extLst>
            </p:cNvPr>
            <p:cNvSpPr txBox="1"/>
            <p:nvPr/>
          </p:nvSpPr>
          <p:spPr>
            <a:xfrm>
              <a:off x="10514137" y="4218412"/>
              <a:ext cx="10033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2">
                  <a:solidFill>
                    <a:schemeClr val="dk1"/>
                  </a:solidFill>
                  <a:latin typeface="Calibri" panose="020F0502020204030204" pitchFamily="34" charset="0"/>
                </a:rPr>
                <a:t>4th Qtr. LCB Mtg.</a:t>
              </a:r>
            </a:p>
          </p:txBody>
        </p:sp>
        <p:sp>
          <p:nvSpPr>
            <p:cNvPr id="152" name="OTLSHAPE_M_2e036c6c32514b56b8aa0e3bba5e98e7_Date">
              <a:extLst>
                <a:ext uri="{FF2B5EF4-FFF2-40B4-BE49-F238E27FC236}">
                  <a16:creationId xmlns:a16="http://schemas.microsoft.com/office/drawing/2014/main" id="{8B643EB5-2D61-0CF2-891E-CAB592F41BDD}"/>
                </a:ext>
              </a:extLst>
            </p:cNvPr>
            <p:cNvSpPr txBox="1"/>
            <p:nvPr/>
          </p:nvSpPr>
          <p:spPr>
            <a:xfrm>
              <a:off x="10514136" y="4414898"/>
              <a:ext cx="641747"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5/24/2023</a:t>
              </a:r>
            </a:p>
          </p:txBody>
        </p:sp>
        <p:sp>
          <p:nvSpPr>
            <p:cNvPr id="153" name="OTLSHAPE_M_2e036c6c32514b56b8aa0e3bba5e98e7_Shape">
              <a:extLst>
                <a:ext uri="{FF2B5EF4-FFF2-40B4-BE49-F238E27FC236}">
                  <a16:creationId xmlns:a16="http://schemas.microsoft.com/office/drawing/2014/main" id="{02ED068B-AA7F-6D82-DB7E-B5B694393A8C}"/>
                </a:ext>
              </a:extLst>
            </p:cNvPr>
            <p:cNvSpPr/>
            <p:nvPr/>
          </p:nvSpPr>
          <p:spPr>
            <a:xfrm rot="16200000">
              <a:off x="10317287" y="4336733"/>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54" name="OTLSHAPE_M_a0d66daaeb674623b95ddc511283d9a3_Date">
              <a:extLst>
                <a:ext uri="{FF2B5EF4-FFF2-40B4-BE49-F238E27FC236}">
                  <a16:creationId xmlns:a16="http://schemas.microsoft.com/office/drawing/2014/main" id="{3B6933E6-B07B-53A5-88D7-23388B27351F}"/>
                </a:ext>
              </a:extLst>
            </p:cNvPr>
            <p:cNvSpPr txBox="1"/>
            <p:nvPr/>
          </p:nvSpPr>
          <p:spPr>
            <a:xfrm>
              <a:off x="10514137" y="3949087"/>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5/24/2023</a:t>
              </a:r>
            </a:p>
          </p:txBody>
        </p:sp>
        <p:sp>
          <p:nvSpPr>
            <p:cNvPr id="155" name="OTLSHAPE_M_a0d66daaeb674623b95ddc511283d9a3_Shape">
              <a:extLst>
                <a:ext uri="{FF2B5EF4-FFF2-40B4-BE49-F238E27FC236}">
                  <a16:creationId xmlns:a16="http://schemas.microsoft.com/office/drawing/2014/main" id="{5D3FC5C5-162F-03D4-3644-800976C64056}"/>
                </a:ext>
              </a:extLst>
            </p:cNvPr>
            <p:cNvSpPr/>
            <p:nvPr/>
          </p:nvSpPr>
          <p:spPr>
            <a:xfrm rot="16200000">
              <a:off x="10317287" y="3871490"/>
              <a:ext cx="165100" cy="165100"/>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56" name="OTLSHAPE_T_24bcee9279bc4506bcf2c1a8a88cdd85_Shape">
              <a:extLst>
                <a:ext uri="{FF2B5EF4-FFF2-40B4-BE49-F238E27FC236}">
                  <a16:creationId xmlns:a16="http://schemas.microsoft.com/office/drawing/2014/main" id="{0CE67179-EC05-42A7-6ED1-D3891917A231}"/>
                </a:ext>
              </a:extLst>
            </p:cNvPr>
            <p:cNvSpPr/>
            <p:nvPr/>
          </p:nvSpPr>
          <p:spPr>
            <a:xfrm>
              <a:off x="1531277" y="5416962"/>
              <a:ext cx="1151861" cy="203200"/>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57" name="OTLSHAPE_T_24bcee9279bc4506bcf2c1a8a88cdd85_StartDate">
              <a:extLst>
                <a:ext uri="{FF2B5EF4-FFF2-40B4-BE49-F238E27FC236}">
                  <a16:creationId xmlns:a16="http://schemas.microsoft.com/office/drawing/2014/main" id="{D212BFB3-6313-6986-0E44-1E6757FEA4A7}"/>
                </a:ext>
              </a:extLst>
            </p:cNvPr>
            <p:cNvSpPr txBox="1"/>
            <p:nvPr/>
          </p:nvSpPr>
          <p:spPr>
            <a:xfrm>
              <a:off x="831050" y="5430923"/>
              <a:ext cx="632191"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spc="-8">
                  <a:solidFill>
                    <a:srgbClr val="1F497E"/>
                  </a:solidFill>
                  <a:latin typeface="Calibri" panose="020F0502020204030204" pitchFamily="34" charset="0"/>
                </a:rPr>
                <a:t>07/01/2022</a:t>
              </a:r>
            </a:p>
          </p:txBody>
        </p:sp>
        <p:sp>
          <p:nvSpPr>
            <p:cNvPr id="158" name="OTLSHAPE_T_24bcee9279bc4506bcf2c1a8a88cdd85_EndDate">
              <a:extLst>
                <a:ext uri="{FF2B5EF4-FFF2-40B4-BE49-F238E27FC236}">
                  <a16:creationId xmlns:a16="http://schemas.microsoft.com/office/drawing/2014/main" id="{D84F9923-341E-6D65-4960-B0880C44C66F}"/>
                </a:ext>
              </a:extLst>
            </p:cNvPr>
            <p:cNvSpPr txBox="1"/>
            <p:nvPr/>
          </p:nvSpPr>
          <p:spPr>
            <a:xfrm>
              <a:off x="2732548" y="5430923"/>
              <a:ext cx="6223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spc="-8">
                  <a:solidFill>
                    <a:srgbClr val="1F497E"/>
                  </a:solidFill>
                  <a:latin typeface="Calibri" panose="020F0502020204030204" pitchFamily="34" charset="0"/>
                </a:rPr>
                <a:t>08/24/2022</a:t>
              </a:r>
            </a:p>
          </p:txBody>
        </p:sp>
        <p:sp>
          <p:nvSpPr>
            <p:cNvPr id="159" name="OTLSHAPE_T_24bcee9279bc4506bcf2c1a8a88cdd85_Title">
              <a:extLst>
                <a:ext uri="{FF2B5EF4-FFF2-40B4-BE49-F238E27FC236}">
                  <a16:creationId xmlns:a16="http://schemas.microsoft.com/office/drawing/2014/main" id="{D943D78F-95DC-A0CB-C8F0-79DB7CFEDB01}"/>
                </a:ext>
              </a:extLst>
            </p:cNvPr>
            <p:cNvSpPr txBox="1"/>
            <p:nvPr/>
          </p:nvSpPr>
          <p:spPr>
            <a:xfrm>
              <a:off x="1540138" y="5433302"/>
              <a:ext cx="1143000" cy="170519"/>
            </a:xfrm>
            <a:prstGeom prst="rect">
              <a:avLst/>
            </a:prstGeom>
            <a:solidFill>
              <a:srgbClr val="21A4FF"/>
            </a:solidFill>
            <a:ln>
              <a:solidFill>
                <a:srgbClr val="21A4FF"/>
              </a:solidFill>
            </a:ln>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100" b="1" spc="-4">
                  <a:solidFill>
                    <a:schemeClr val="dk1"/>
                  </a:solidFill>
                  <a:latin typeface="Calibri" panose="020F0502020204030204" pitchFamily="34" charset="0"/>
                </a:rPr>
                <a:t>TDSP Major Update</a:t>
              </a:r>
            </a:p>
          </p:txBody>
        </p:sp>
        <p:sp>
          <p:nvSpPr>
            <p:cNvPr id="160" name="OTLSHAPE_T_ccc00617a8c9482ab2ea23d4ad4dd7fc_Shape">
              <a:extLst>
                <a:ext uri="{FF2B5EF4-FFF2-40B4-BE49-F238E27FC236}">
                  <a16:creationId xmlns:a16="http://schemas.microsoft.com/office/drawing/2014/main" id="{AA69A450-8C6F-39BA-57D2-2501E49177D1}"/>
                </a:ext>
              </a:extLst>
            </p:cNvPr>
            <p:cNvSpPr/>
            <p:nvPr/>
          </p:nvSpPr>
          <p:spPr>
            <a:xfrm>
              <a:off x="7560541" y="5364798"/>
              <a:ext cx="2768600" cy="203200"/>
            </a:xfrm>
            <a:prstGeom prst="round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61" name="OTLSHAPE_T_ccc00617a8c9482ab2ea23d4ad4dd7fc_StartDate">
              <a:extLst>
                <a:ext uri="{FF2B5EF4-FFF2-40B4-BE49-F238E27FC236}">
                  <a16:creationId xmlns:a16="http://schemas.microsoft.com/office/drawing/2014/main" id="{4D0C9FAF-F2EA-1262-091E-6A411FF4205B}"/>
                </a:ext>
              </a:extLst>
            </p:cNvPr>
            <p:cNvSpPr txBox="1"/>
            <p:nvPr/>
          </p:nvSpPr>
          <p:spPr>
            <a:xfrm>
              <a:off x="6960343" y="5396632"/>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spc="-8">
                  <a:solidFill>
                    <a:srgbClr val="1F497E"/>
                  </a:solidFill>
                  <a:latin typeface="Calibri"/>
                  <a:cs typeface="Calibri"/>
                </a:rPr>
                <a:t>2/22/2023</a:t>
              </a:r>
            </a:p>
          </p:txBody>
        </p:sp>
        <p:sp>
          <p:nvSpPr>
            <p:cNvPr id="162" name="OTLSHAPE_T_ccc00617a8c9482ab2ea23d4ad4dd7fc_EndDate">
              <a:extLst>
                <a:ext uri="{FF2B5EF4-FFF2-40B4-BE49-F238E27FC236}">
                  <a16:creationId xmlns:a16="http://schemas.microsoft.com/office/drawing/2014/main" id="{3751CE19-D9E6-5997-3730-5B1A8F696E6C}"/>
                </a:ext>
              </a:extLst>
            </p:cNvPr>
            <p:cNvSpPr txBox="1"/>
            <p:nvPr/>
          </p:nvSpPr>
          <p:spPr>
            <a:xfrm>
              <a:off x="10370539" y="5388886"/>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spc="-8">
                  <a:solidFill>
                    <a:srgbClr val="1F497E"/>
                  </a:solidFill>
                  <a:latin typeface="Calibri"/>
                  <a:cs typeface="Calibri"/>
                </a:rPr>
                <a:t>5/24/2023</a:t>
              </a:r>
            </a:p>
          </p:txBody>
        </p:sp>
        <p:sp>
          <p:nvSpPr>
            <p:cNvPr id="163" name="OTLSHAPE_T_ccc00617a8c9482ab2ea23d4ad4dd7fc_Title">
              <a:extLst>
                <a:ext uri="{FF2B5EF4-FFF2-40B4-BE49-F238E27FC236}">
                  <a16:creationId xmlns:a16="http://schemas.microsoft.com/office/drawing/2014/main" id="{5F63C1AF-D8E2-3E92-1D08-C2324C75E7BD}"/>
                </a:ext>
              </a:extLst>
            </p:cNvPr>
            <p:cNvSpPr txBox="1"/>
            <p:nvPr/>
          </p:nvSpPr>
          <p:spPr>
            <a:xfrm>
              <a:off x="8513865" y="5381138"/>
              <a:ext cx="8636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100" b="1" spc="-10">
                  <a:solidFill>
                    <a:schemeClr val="dk1"/>
                  </a:solidFill>
                  <a:latin typeface="Calibri" panose="020F0502020204030204" pitchFamily="34" charset="0"/>
                </a:rPr>
                <a:t>CTC Evaluation</a:t>
              </a:r>
            </a:p>
          </p:txBody>
        </p:sp>
        <p:sp>
          <p:nvSpPr>
            <p:cNvPr id="164" name="OTLSHAPE_TB_00000000000000000000000000000000_RightEndCaps">
              <a:extLst>
                <a:ext uri="{FF2B5EF4-FFF2-40B4-BE49-F238E27FC236}">
                  <a16:creationId xmlns:a16="http://schemas.microsoft.com/office/drawing/2014/main" id="{CF86A279-630E-9E3A-2000-8106270FDF60}"/>
                </a:ext>
              </a:extLst>
            </p:cNvPr>
            <p:cNvSpPr txBox="1"/>
            <p:nvPr/>
          </p:nvSpPr>
          <p:spPr>
            <a:xfrm>
              <a:off x="270816" y="4825756"/>
              <a:ext cx="448584" cy="276999"/>
            </a:xfrm>
            <a:prstGeom prst="rect">
              <a:avLst/>
            </a:prstGeom>
            <a:noFill/>
          </p:spPr>
          <p:txBody>
            <a:bodyPr vert="horz" wrap="non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b="1" spc="-38">
                  <a:solidFill>
                    <a:srgbClr val="C0504D"/>
                  </a:solidFill>
                  <a:latin typeface="Calibri" panose="020F0502020204030204" pitchFamily="34" charset="0"/>
                </a:rPr>
                <a:t>2022</a:t>
              </a:r>
            </a:p>
          </p:txBody>
        </p:sp>
      </p:grpSp>
      <p:sp>
        <p:nvSpPr>
          <p:cNvPr id="165" name="OTLSHAPE_M_21535a59df9540569025f84196d711f4_Title">
            <a:extLst>
              <a:ext uri="{FF2B5EF4-FFF2-40B4-BE49-F238E27FC236}">
                <a16:creationId xmlns:a16="http://schemas.microsoft.com/office/drawing/2014/main" id="{3631A3AA-B91E-8C36-AA48-BD0888095C71}"/>
              </a:ext>
            </a:extLst>
          </p:cNvPr>
          <p:cNvSpPr txBox="1"/>
          <p:nvPr>
            <p:custDataLst>
              <p:tags r:id="rId2"/>
            </p:custDataLst>
          </p:nvPr>
        </p:nvSpPr>
        <p:spPr>
          <a:xfrm>
            <a:off x="10391412" y="3870516"/>
            <a:ext cx="12700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CTC Evaluation Ends</a:t>
            </a:r>
          </a:p>
        </p:txBody>
      </p:sp>
      <p:sp>
        <p:nvSpPr>
          <p:cNvPr id="166" name="OTLSHAPE_M_9f860f8d65ee4aac85039f30c2ffcf33_Date">
            <a:extLst>
              <a:ext uri="{FF2B5EF4-FFF2-40B4-BE49-F238E27FC236}">
                <a16:creationId xmlns:a16="http://schemas.microsoft.com/office/drawing/2014/main" id="{081AD6FC-4C56-5B83-C321-C93C3CD575D4}"/>
              </a:ext>
            </a:extLst>
          </p:cNvPr>
          <p:cNvSpPr txBox="1"/>
          <p:nvPr/>
        </p:nvSpPr>
        <p:spPr>
          <a:xfrm>
            <a:off x="2327883" y="3655800"/>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67" name="Rectangle 166">
            <a:extLst>
              <a:ext uri="{FF2B5EF4-FFF2-40B4-BE49-F238E27FC236}">
                <a16:creationId xmlns:a16="http://schemas.microsoft.com/office/drawing/2014/main" id="{9A27474C-3A05-C951-7C30-0A65F193FC6C}"/>
              </a:ext>
            </a:extLst>
          </p:cNvPr>
          <p:cNvSpPr/>
          <p:nvPr/>
        </p:nvSpPr>
        <p:spPr>
          <a:xfrm>
            <a:off x="4700511" y="3369308"/>
            <a:ext cx="1676852" cy="1992805"/>
          </a:xfrm>
          <a:prstGeom prst="rect">
            <a:avLst/>
          </a:prstGeom>
          <a:noFill/>
          <a:ln w="38100">
            <a:solidFill>
              <a:srgbClr val="F54D5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 name="OTLSHAPE_M_99d798c70a7246909196591bc2f26927_Shape">
            <a:extLst>
              <a:ext uri="{FF2B5EF4-FFF2-40B4-BE49-F238E27FC236}">
                <a16:creationId xmlns:a16="http://schemas.microsoft.com/office/drawing/2014/main" id="{A5F0CA68-05AB-7906-4CAA-E125A13DD346}"/>
              </a:ext>
            </a:extLst>
          </p:cNvPr>
          <p:cNvSpPr/>
          <p:nvPr/>
        </p:nvSpPr>
        <p:spPr>
          <a:xfrm rot="16200000">
            <a:off x="4779332" y="3432978"/>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70" name="OTLSHAPE_M_6b3c3ff01b9f4587bf3402e36d7d8c6c_Title">
            <a:extLst>
              <a:ext uri="{FF2B5EF4-FFF2-40B4-BE49-F238E27FC236}">
                <a16:creationId xmlns:a16="http://schemas.microsoft.com/office/drawing/2014/main" id="{8B9EC8F7-B38A-76FE-CC5E-E6E65B7DF2F9}"/>
              </a:ext>
            </a:extLst>
          </p:cNvPr>
          <p:cNvSpPr txBox="1"/>
          <p:nvPr/>
        </p:nvSpPr>
        <p:spPr>
          <a:xfrm>
            <a:off x="4975258" y="3449824"/>
            <a:ext cx="12446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8">
                <a:solidFill>
                  <a:schemeClr val="dk1"/>
                </a:solidFill>
                <a:latin typeface="Calibri" panose="020F0502020204030204" pitchFamily="34" charset="0"/>
              </a:rPr>
              <a:t>LCB Member Training</a:t>
            </a:r>
          </a:p>
        </p:txBody>
      </p:sp>
      <p:sp>
        <p:nvSpPr>
          <p:cNvPr id="172" name="OTLSHAPE_M_6b3c3ff01b9f4587bf3402e36d7d8c6c_Date">
            <a:extLst>
              <a:ext uri="{FF2B5EF4-FFF2-40B4-BE49-F238E27FC236}">
                <a16:creationId xmlns:a16="http://schemas.microsoft.com/office/drawing/2014/main" id="{AE64993D-1879-CCD9-8478-6A5EE83E26C7}"/>
              </a:ext>
            </a:extLst>
          </p:cNvPr>
          <p:cNvSpPr txBox="1"/>
          <p:nvPr/>
        </p:nvSpPr>
        <p:spPr>
          <a:xfrm>
            <a:off x="4975258" y="3627830"/>
            <a:ext cx="688705"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11/16/2022</a:t>
            </a:r>
          </a:p>
        </p:txBody>
      </p:sp>
    </p:spTree>
    <p:extLst>
      <p:ext uri="{BB962C8B-B14F-4D97-AF65-F5344CB8AC3E}">
        <p14:creationId xmlns:p14="http://schemas.microsoft.com/office/powerpoint/2010/main" val="322574153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2466923-4D41-4DCD-9587-2855C0719472}"/>
              </a:ext>
            </a:extLst>
          </p:cNvPr>
          <p:cNvSpPr>
            <a:spLocks noGrp="1"/>
          </p:cNvSpPr>
          <p:nvPr>
            <p:ph idx="1"/>
          </p:nvPr>
        </p:nvSpPr>
        <p:spPr>
          <a:xfrm>
            <a:off x="838200" y="1825626"/>
            <a:ext cx="6546669" cy="4212710"/>
          </a:xfrm>
        </p:spPr>
        <p:txBody>
          <a:bodyPr>
            <a:normAutofit/>
          </a:bodyPr>
          <a:lstStyle/>
          <a:p>
            <a:pPr>
              <a:lnSpc>
                <a:spcPct val="150000"/>
              </a:lnSpc>
            </a:pPr>
            <a:r>
              <a:rPr lang="en-US" sz="3000" dirty="0">
                <a:latin typeface="Tahoma" panose="020B0604030504040204" pitchFamily="34" charset="0"/>
                <a:ea typeface="Tahoma" panose="020B0604030504040204" pitchFamily="34" charset="0"/>
                <a:cs typeface="Tahoma" panose="020B0604030504040204" pitchFamily="34" charset="0"/>
              </a:rPr>
              <a:t>Outlines TD services and service partners in Palm Beach County</a:t>
            </a:r>
          </a:p>
          <a:p>
            <a:pPr>
              <a:lnSpc>
                <a:spcPct val="150000"/>
              </a:lnSpc>
            </a:pPr>
            <a:r>
              <a:rPr lang="en-US" sz="3000" dirty="0">
                <a:latin typeface="Tahoma" panose="020B0604030504040204" pitchFamily="34" charset="0"/>
                <a:ea typeface="Tahoma" panose="020B0604030504040204" pitchFamily="34" charset="0"/>
                <a:cs typeface="Tahoma" panose="020B0604030504040204" pitchFamily="34" charset="0"/>
              </a:rPr>
              <a:t>Annual minor update</a:t>
            </a:r>
          </a:p>
          <a:p>
            <a:pPr>
              <a:lnSpc>
                <a:spcPct val="150000"/>
              </a:lnSpc>
            </a:pPr>
            <a:r>
              <a:rPr lang="en-US" sz="3000" dirty="0">
                <a:latin typeface="Tahoma" panose="020B0604030504040204" pitchFamily="34" charset="0"/>
                <a:ea typeface="Tahoma" panose="020B0604030504040204" pitchFamily="34" charset="0"/>
                <a:cs typeface="Tahoma" panose="020B0604030504040204" pitchFamily="34" charset="0"/>
              </a:rPr>
              <a:t>5 Year major updates</a:t>
            </a: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dirty="0">
                <a:latin typeface="Tahoma" panose="020B0604030504040204" pitchFamily="34" charset="0"/>
                <a:ea typeface="Tahoma" panose="020B0604030504040204" pitchFamily="34" charset="0"/>
                <a:cs typeface="Tahoma" panose="020B0604030504040204" pitchFamily="34" charset="0"/>
              </a:rPr>
              <a:t>Transportation Disadvantaged </a:t>
            </a:r>
            <a:br>
              <a:rPr lang="en-US" dirty="0">
                <a:latin typeface="Tahoma" panose="020B0604030504040204" pitchFamily="34" charset="0"/>
                <a:ea typeface="Tahoma" panose="020B0604030504040204" pitchFamily="34" charset="0"/>
                <a:cs typeface="Tahoma" panose="020B0604030504040204" pitchFamily="34" charset="0"/>
              </a:rPr>
            </a:br>
            <a:r>
              <a:rPr lang="en-US" dirty="0">
                <a:latin typeface="Tahoma" panose="020B0604030504040204" pitchFamily="34" charset="0"/>
                <a:ea typeface="Tahoma" panose="020B0604030504040204" pitchFamily="34" charset="0"/>
                <a:cs typeface="Tahoma" panose="020B0604030504040204" pitchFamily="34" charset="0"/>
              </a:rPr>
              <a:t>Service Plan (TDSP)</a:t>
            </a:r>
            <a:endParaRPr lang="en-US" dirty="0"/>
          </a:p>
        </p:txBody>
      </p:sp>
      <p:pic>
        <p:nvPicPr>
          <p:cNvPr id="6" name="Picture 5">
            <a:extLst>
              <a:ext uri="{FF2B5EF4-FFF2-40B4-BE49-F238E27FC236}">
                <a16:creationId xmlns:a16="http://schemas.microsoft.com/office/drawing/2014/main" id="{4E215D8B-9BC2-C993-4C8C-EB9A1A7D9650}"/>
              </a:ext>
            </a:extLst>
          </p:cNvPr>
          <p:cNvPicPr>
            <a:picLocks noChangeAspect="1"/>
          </p:cNvPicPr>
          <p:nvPr/>
        </p:nvPicPr>
        <p:blipFill>
          <a:blip r:embed="rId2"/>
          <a:stretch>
            <a:fillRect/>
          </a:stretch>
        </p:blipFill>
        <p:spPr>
          <a:xfrm>
            <a:off x="7948460" y="1511315"/>
            <a:ext cx="3470660" cy="4473956"/>
          </a:xfrm>
          <a:prstGeom prst="rect">
            <a:avLst/>
          </a:prstGeom>
        </p:spPr>
      </p:pic>
    </p:spTree>
    <p:extLst>
      <p:ext uri="{BB962C8B-B14F-4D97-AF65-F5344CB8AC3E}">
        <p14:creationId xmlns:p14="http://schemas.microsoft.com/office/powerpoint/2010/main" val="52978464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2466923-4D41-4DCD-9587-2855C0719472}"/>
              </a:ext>
            </a:extLst>
          </p:cNvPr>
          <p:cNvSpPr>
            <a:spLocks noGrp="1"/>
          </p:cNvSpPr>
          <p:nvPr>
            <p:ph idx="1"/>
          </p:nvPr>
        </p:nvSpPr>
        <p:spPr>
          <a:xfrm>
            <a:off x="602227" y="1842117"/>
            <a:ext cx="6546669" cy="4212710"/>
          </a:xfrm>
        </p:spPr>
        <p:txBody>
          <a:bodyPr>
            <a:normAutofit fontScale="55000" lnSpcReduction="20000"/>
          </a:bodyPr>
          <a:lstStyle/>
          <a:p>
            <a:pPr>
              <a:lnSpc>
                <a:spcPct val="150000"/>
              </a:lnSpc>
            </a:pPr>
            <a:r>
              <a:rPr lang="en-US" sz="4400" dirty="0">
                <a:latin typeface="Tahoma" panose="020B0604030504040204" pitchFamily="34" charset="0"/>
                <a:ea typeface="Tahoma" panose="020B0604030504040204" pitchFamily="34" charset="0"/>
                <a:cs typeface="Tahoma" panose="020B0604030504040204" pitchFamily="34" charset="0"/>
              </a:rPr>
              <a:t>LCB conducts annual evaluation of CTC’s performance</a:t>
            </a:r>
          </a:p>
          <a:p>
            <a:pPr>
              <a:lnSpc>
                <a:spcPct val="150000"/>
              </a:lnSpc>
            </a:pPr>
            <a:r>
              <a:rPr lang="en-US" sz="4400" dirty="0">
                <a:latin typeface="Tahoma" panose="020B0604030504040204" pitchFamily="34" charset="0"/>
                <a:ea typeface="Tahoma" panose="020B0604030504040204" pitchFamily="34" charset="0"/>
                <a:cs typeface="Tahoma" panose="020B0604030504040204" pitchFamily="34" charset="0"/>
              </a:rPr>
              <a:t>Criteria determined by the CTD </a:t>
            </a:r>
          </a:p>
          <a:p>
            <a:pPr lvl="1">
              <a:lnSpc>
                <a:spcPct val="150000"/>
              </a:lnSpc>
            </a:pPr>
            <a:r>
              <a:rPr lang="en-US" sz="4400" dirty="0">
                <a:latin typeface="Tahoma" panose="020B0604030504040204" pitchFamily="34" charset="0"/>
                <a:ea typeface="Tahoma" panose="020B0604030504040204" pitchFamily="34" charset="0"/>
                <a:cs typeface="Tahoma" panose="020B0604030504040204" pitchFamily="34" charset="0"/>
              </a:rPr>
              <a:t>Evaluates Operations and Performance</a:t>
            </a:r>
          </a:p>
          <a:p>
            <a:pPr lvl="1">
              <a:lnSpc>
                <a:spcPct val="150000"/>
              </a:lnSpc>
            </a:pPr>
            <a:r>
              <a:rPr lang="en-US" sz="4400" dirty="0">
                <a:latin typeface="Tahoma" panose="020B0604030504040204" pitchFamily="34" charset="0"/>
                <a:ea typeface="Tahoma" panose="020B0604030504040204" pitchFamily="34" charset="0"/>
                <a:cs typeface="Tahoma" panose="020B0604030504040204" pitchFamily="34" charset="0"/>
              </a:rPr>
              <a:t>Surveys riders/beneficiaries, purchasers of services, and contractors</a:t>
            </a:r>
          </a:p>
          <a:p>
            <a:pPr>
              <a:lnSpc>
                <a:spcPct val="150000"/>
              </a:lnSpc>
            </a:pPr>
            <a:endParaRPr lang="en-US" dirty="0">
              <a:latin typeface="Tahoma" panose="020B0604030504040204" pitchFamily="34" charset="0"/>
              <a:ea typeface="Tahoma" panose="020B0604030504040204" pitchFamily="34" charset="0"/>
              <a:cs typeface="Tahoma" panose="020B0604030504040204" pitchFamily="34" charset="0"/>
            </a:endParaRP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a:latin typeface="Tahoma" panose="020B0604030504040204" pitchFamily="34" charset="0"/>
                <a:ea typeface="Tahoma" panose="020B0604030504040204" pitchFamily="34" charset="0"/>
                <a:cs typeface="Tahoma" panose="020B0604030504040204" pitchFamily="34" charset="0"/>
              </a:rPr>
              <a:t>CTC Evaluation</a:t>
            </a:r>
            <a:endParaRPr lang="en-US"/>
          </a:p>
        </p:txBody>
      </p:sp>
      <p:pic>
        <p:nvPicPr>
          <p:cNvPr id="4" name="Picture 3">
            <a:extLst>
              <a:ext uri="{FF2B5EF4-FFF2-40B4-BE49-F238E27FC236}">
                <a16:creationId xmlns:a16="http://schemas.microsoft.com/office/drawing/2014/main" id="{3937604B-37D0-8D0B-AAEC-6DFF69F38F4B}"/>
              </a:ext>
            </a:extLst>
          </p:cNvPr>
          <p:cNvPicPr>
            <a:picLocks noChangeAspect="1"/>
          </p:cNvPicPr>
          <p:nvPr/>
        </p:nvPicPr>
        <p:blipFill>
          <a:blip r:embed="rId2"/>
          <a:stretch>
            <a:fillRect/>
          </a:stretch>
        </p:blipFill>
        <p:spPr>
          <a:xfrm>
            <a:off x="7148896" y="2274250"/>
            <a:ext cx="4457700" cy="2309499"/>
          </a:xfrm>
          <a:prstGeom prst="rect">
            <a:avLst/>
          </a:prstGeom>
        </p:spPr>
      </p:pic>
    </p:spTree>
    <p:extLst>
      <p:ext uri="{BB962C8B-B14F-4D97-AF65-F5344CB8AC3E}">
        <p14:creationId xmlns:p14="http://schemas.microsoft.com/office/powerpoint/2010/main" val="348548930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73D351-0C07-414D-B4BF-BBE5F1F83375}"/>
              </a:ext>
            </a:extLst>
          </p:cNvPr>
          <p:cNvSpPr>
            <a:spLocks noGrp="1"/>
          </p:cNvSpPr>
          <p:nvPr>
            <p:ph type="ctrTitle"/>
          </p:nvPr>
        </p:nvSpPr>
        <p:spPr>
          <a:xfrm>
            <a:off x="4065518" y="2850630"/>
            <a:ext cx="7422292" cy="1156739"/>
          </a:xfrm>
        </p:spPr>
        <p:txBody>
          <a:bodyPr>
            <a:normAutofit/>
          </a:bodyPr>
          <a:lstStyle/>
          <a:p>
            <a:r>
              <a:rPr lang="en-US" dirty="0">
                <a:solidFill>
                  <a:schemeClr val="bg1"/>
                </a:solidFill>
                <a:latin typeface="Tahoma" panose="020B0604030504040204" pitchFamily="34" charset="0"/>
                <a:ea typeface="Tahoma" panose="020B0604030504040204" pitchFamily="34" charset="0"/>
                <a:cs typeface="Tahoma" panose="020B0604030504040204" pitchFamily="34" charset="0"/>
              </a:rPr>
              <a:t>LCB Administration</a:t>
            </a:r>
            <a:endParaRPr lang="en-US" dirty="0"/>
          </a:p>
        </p:txBody>
      </p:sp>
    </p:spTree>
    <p:extLst>
      <p:ext uri="{BB962C8B-B14F-4D97-AF65-F5344CB8AC3E}">
        <p14:creationId xmlns:p14="http://schemas.microsoft.com/office/powerpoint/2010/main" val="235051895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vert="horz" lIns="91440" tIns="45720" rIns="91440" bIns="45720" rtlCol="0" anchor="t">
            <a:normAutofit/>
          </a:bodyPr>
          <a:lstStyle/>
          <a:p>
            <a:r>
              <a:rPr lang="en-US" sz="3000" dirty="0">
                <a:latin typeface="Tahoma" panose="020B0604030504040204" pitchFamily="34" charset="0"/>
                <a:ea typeface="Tahoma" panose="020B0604030504040204" pitchFamily="34" charset="0"/>
                <a:cs typeface="Tahoma" panose="020B0604030504040204" pitchFamily="34" charset="0"/>
              </a:rPr>
              <a:t>Guides LCB Procedures and processes</a:t>
            </a:r>
          </a:p>
          <a:p>
            <a:pPr marL="0" indent="0">
              <a:buNone/>
            </a:pPr>
            <a:endParaRPr lang="en-US" sz="3000" dirty="0">
              <a:latin typeface="Tahoma" panose="020B0604030504040204" pitchFamily="34" charset="0"/>
              <a:ea typeface="Tahoma" panose="020B0604030504040204" pitchFamily="34" charset="0"/>
              <a:cs typeface="Tahoma" panose="020B0604030504040204" pitchFamily="34" charset="0"/>
            </a:endParaRPr>
          </a:p>
          <a:p>
            <a:r>
              <a:rPr lang="en-US" sz="3000" dirty="0">
                <a:latin typeface="Tahoma" panose="020B0604030504040204" pitchFamily="34" charset="0"/>
                <a:ea typeface="Tahoma" panose="020B0604030504040204" pitchFamily="34" charset="0"/>
                <a:cs typeface="Tahoma" panose="020B0604030504040204" pitchFamily="34" charset="0"/>
              </a:rPr>
              <a:t>Provide </a:t>
            </a:r>
            <a:r>
              <a:rPr lang="en-US" sz="3200" dirty="0">
                <a:latin typeface="Tahoma" panose="020B0604030504040204" pitchFamily="34" charset="0"/>
                <a:ea typeface="Tahoma" panose="020B0604030504040204" pitchFamily="34" charset="0"/>
                <a:cs typeface="Tahoma" panose="020B0604030504040204" pitchFamily="34" charset="0"/>
              </a:rPr>
              <a:t>procedures</a:t>
            </a:r>
            <a:r>
              <a:rPr lang="en-US" sz="3000" dirty="0">
                <a:latin typeface="Tahoma" panose="020B0604030504040204" pitchFamily="34" charset="0"/>
                <a:ea typeface="Tahoma" panose="020B0604030504040204" pitchFamily="34" charset="0"/>
                <a:cs typeface="Tahoma" panose="020B0604030504040204" pitchFamily="34" charset="0"/>
              </a:rPr>
              <a:t> and policies for fulfilling the requirements of Chapter 427, (F.S.), Rules 41-2, Florida Administrative Code</a:t>
            </a:r>
          </a:p>
          <a:p>
            <a:pPr marL="0" indent="0">
              <a:buNone/>
            </a:pPr>
            <a:endParaRPr lang="en-US" sz="3000" dirty="0">
              <a:latin typeface="Tahoma" panose="020B0604030504040204" pitchFamily="34" charset="0"/>
              <a:ea typeface="Tahoma" panose="020B0604030504040204" pitchFamily="34" charset="0"/>
              <a:cs typeface="Tahoma" panose="020B0604030504040204" pitchFamily="34" charset="0"/>
            </a:endParaRPr>
          </a:p>
          <a:p>
            <a:r>
              <a:rPr lang="en-US" sz="3000" dirty="0">
                <a:latin typeface="Tahoma" panose="020B0604030504040204" pitchFamily="34" charset="0"/>
                <a:ea typeface="Tahoma" panose="020B0604030504040204" pitchFamily="34" charset="0"/>
                <a:cs typeface="Tahoma" panose="020B0604030504040204" pitchFamily="34" charset="0"/>
              </a:rPr>
              <a:t>Set requirements for TD services and LCB operations</a:t>
            </a:r>
            <a:endParaRPr lang="en-US" dirty="0">
              <a:latin typeface="Tahoma" panose="020B0604030504040204" pitchFamily="34" charset="0"/>
              <a:ea typeface="Tahoma" panose="020B0604030504040204" pitchFamily="34" charset="0"/>
              <a:cs typeface="Tahoma" panose="020B0604030504040204" pitchFamily="34" charset="0"/>
            </a:endParaRPr>
          </a:p>
          <a:p>
            <a:endParaRPr lang="en-US" dirty="0"/>
          </a:p>
        </p:txBody>
      </p:sp>
      <p:sp>
        <p:nvSpPr>
          <p:cNvPr id="2" name="Title 1"/>
          <p:cNvSpPr>
            <a:spLocks noGrp="1"/>
          </p:cNvSpPr>
          <p:nvPr>
            <p:ph type="ctrTitle"/>
          </p:nvPr>
        </p:nvSpPr>
        <p:spPr/>
        <p:txBody>
          <a:bodyPr/>
          <a:lstStyle/>
          <a:p>
            <a:r>
              <a:rPr lang="en-US" b="1">
                <a:latin typeface="Tahoma" panose="020B0604030504040204" pitchFamily="34" charset="0"/>
                <a:ea typeface="Tahoma" panose="020B0604030504040204" pitchFamily="34" charset="0"/>
                <a:cs typeface="Tahoma" panose="020B0604030504040204" pitchFamily="34" charset="0"/>
              </a:rPr>
              <a:t>The LCB By-laws</a:t>
            </a:r>
            <a:endParaRPr lang="en-US" b="1">
              <a:solidFill>
                <a:srgbClr val="FF0000"/>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106805695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2466923-4D41-4DCD-9587-2855C0719472}"/>
              </a:ext>
            </a:extLst>
          </p:cNvPr>
          <p:cNvSpPr>
            <a:spLocks noGrp="1"/>
          </p:cNvSpPr>
          <p:nvPr>
            <p:ph idx="1"/>
          </p:nvPr>
        </p:nvSpPr>
        <p:spPr>
          <a:xfrm>
            <a:off x="838200" y="1638334"/>
            <a:ext cx="10844814" cy="4614420"/>
          </a:xfrm>
        </p:spPr>
        <p:txBody>
          <a:bodyPr/>
          <a:lstStyle/>
          <a:p>
            <a:pPr marL="0" indent="0">
              <a:lnSpc>
                <a:spcPct val="150000"/>
              </a:lnSpc>
              <a:buNone/>
            </a:pPr>
            <a:r>
              <a:rPr lang="en-US" sz="3000" dirty="0">
                <a:latin typeface="Tahoma" panose="020B0604030504040204" pitchFamily="34" charset="0"/>
                <a:ea typeface="Tahoma" panose="020B0604030504040204" pitchFamily="34" charset="0"/>
                <a:cs typeface="Tahoma" panose="020B0604030504040204" pitchFamily="34" charset="0"/>
              </a:rPr>
              <a:t>Automatic recission of membership for 3 consecutive unexcused absences. </a:t>
            </a:r>
          </a:p>
          <a:p>
            <a:pPr marL="0" indent="0">
              <a:lnSpc>
                <a:spcPct val="150000"/>
              </a:lnSpc>
              <a:buNone/>
            </a:pPr>
            <a:endParaRPr lang="en-US" sz="3000" b="1" dirty="0">
              <a:latin typeface="Tahoma" panose="020B0604030504040204" pitchFamily="34" charset="0"/>
              <a:ea typeface="Tahoma" panose="020B0604030504040204" pitchFamily="34" charset="0"/>
              <a:cs typeface="Tahoma" panose="020B0604030504040204" pitchFamily="34" charset="0"/>
            </a:endParaRPr>
          </a:p>
          <a:p>
            <a:pPr marL="0" indent="0">
              <a:lnSpc>
                <a:spcPct val="150000"/>
              </a:lnSpc>
              <a:buNone/>
            </a:pPr>
            <a:r>
              <a:rPr lang="en-US" sz="3000" b="1" dirty="0">
                <a:latin typeface="Tahoma" panose="020B0604030504040204" pitchFamily="34" charset="0"/>
                <a:ea typeface="Tahoma" panose="020B0604030504040204" pitchFamily="34" charset="0"/>
                <a:cs typeface="Tahoma" panose="020B0604030504040204" pitchFamily="34" charset="0"/>
              </a:rPr>
              <a:t>Excused Absence </a:t>
            </a:r>
            <a:r>
              <a:rPr lang="en-US" sz="3000" dirty="0">
                <a:latin typeface="Tahoma" panose="020B0604030504040204" pitchFamily="34" charset="0"/>
                <a:ea typeface="Tahoma" panose="020B0604030504040204" pitchFamily="34" charset="0"/>
                <a:cs typeface="Tahoma" panose="020B0604030504040204" pitchFamily="34" charset="0"/>
              </a:rPr>
              <a:t>= Member must notify TPA of absence at least 1 business day prior to meeting</a:t>
            </a:r>
          </a:p>
          <a:p>
            <a:pPr>
              <a:lnSpc>
                <a:spcPct val="150000"/>
              </a:lnSpc>
            </a:pPr>
            <a:endParaRPr lang="en-US" dirty="0">
              <a:latin typeface="Tahoma" panose="020B0604030504040204" pitchFamily="34" charset="0"/>
              <a:ea typeface="Tahoma" panose="020B0604030504040204" pitchFamily="34" charset="0"/>
              <a:cs typeface="Tahoma" panose="020B0604030504040204" pitchFamily="34" charset="0"/>
            </a:endParaRP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a:latin typeface="Tahoma" panose="020B0604030504040204" pitchFamily="34" charset="0"/>
                <a:ea typeface="Tahoma" panose="020B0604030504040204" pitchFamily="34" charset="0"/>
                <a:cs typeface="Tahoma" panose="020B0604030504040204" pitchFamily="34" charset="0"/>
              </a:rPr>
              <a:t>LCB Attendance</a:t>
            </a:r>
            <a:endParaRPr lang="en-US"/>
          </a:p>
        </p:txBody>
      </p:sp>
    </p:spTree>
    <p:extLst>
      <p:ext uri="{BB962C8B-B14F-4D97-AF65-F5344CB8AC3E}">
        <p14:creationId xmlns:p14="http://schemas.microsoft.com/office/powerpoint/2010/main" val="166714630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79EC3211-62BC-C950-FDE7-F7DAFD39CFF9}"/>
              </a:ext>
            </a:extLst>
          </p:cNvPr>
          <p:cNvSpPr>
            <a:spLocks noGrp="1"/>
          </p:cNvSpPr>
          <p:nvPr>
            <p:ph type="ctrTitle"/>
          </p:nvPr>
        </p:nvSpPr>
        <p:spPr>
          <a:xfrm>
            <a:off x="838200" y="238679"/>
            <a:ext cx="9054830" cy="978581"/>
          </a:xfrm>
        </p:spPr>
        <p:txBody>
          <a:bodyPr>
            <a:normAutofit/>
          </a:bodyPr>
          <a:lstStyle/>
          <a:p>
            <a:r>
              <a:rPr lang="en-US" dirty="0">
                <a:latin typeface="Tahoma" panose="020B0604030504040204" pitchFamily="34" charset="0"/>
                <a:ea typeface="Tahoma" panose="020B0604030504040204" pitchFamily="34" charset="0"/>
                <a:cs typeface="Tahoma" panose="020B0604030504040204" pitchFamily="34" charset="0"/>
              </a:rPr>
              <a:t>Grievance Procedures</a:t>
            </a:r>
          </a:p>
        </p:txBody>
      </p:sp>
      <p:pic>
        <p:nvPicPr>
          <p:cNvPr id="5" name="Picture 4" descr="Diagram&#10;&#10;Description automatically generated">
            <a:extLst>
              <a:ext uri="{FF2B5EF4-FFF2-40B4-BE49-F238E27FC236}">
                <a16:creationId xmlns:a16="http://schemas.microsoft.com/office/drawing/2014/main" id="{B80E1870-600E-2D65-4F49-705780E684E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341266" y="1738747"/>
            <a:ext cx="7776859" cy="4277117"/>
          </a:xfrm>
          <a:prstGeom prst="rect">
            <a:avLst/>
          </a:prstGeom>
        </p:spPr>
      </p:pic>
      <p:pic>
        <p:nvPicPr>
          <p:cNvPr id="11" name="Picture 10">
            <a:extLst>
              <a:ext uri="{FF2B5EF4-FFF2-40B4-BE49-F238E27FC236}">
                <a16:creationId xmlns:a16="http://schemas.microsoft.com/office/drawing/2014/main" id="{174B7926-20B1-17A3-68D6-BF13836549EF}"/>
              </a:ext>
            </a:extLst>
          </p:cNvPr>
          <p:cNvPicPr>
            <a:picLocks noChangeAspect="1"/>
          </p:cNvPicPr>
          <p:nvPr/>
        </p:nvPicPr>
        <p:blipFill rotWithShape="1">
          <a:blip r:embed="rId4"/>
          <a:srcRect l="15592" t="34323" r="24262" b="33161"/>
          <a:stretch/>
        </p:blipFill>
        <p:spPr>
          <a:xfrm>
            <a:off x="10216062" y="2101045"/>
            <a:ext cx="1751524" cy="493776"/>
          </a:xfrm>
          <a:prstGeom prst="rect">
            <a:avLst/>
          </a:prstGeom>
        </p:spPr>
      </p:pic>
      <p:pic>
        <p:nvPicPr>
          <p:cNvPr id="12" name="Picture 11">
            <a:extLst>
              <a:ext uri="{FF2B5EF4-FFF2-40B4-BE49-F238E27FC236}">
                <a16:creationId xmlns:a16="http://schemas.microsoft.com/office/drawing/2014/main" id="{0DDE1A7D-5007-97CB-436D-E60B15AE6174}"/>
              </a:ext>
            </a:extLst>
          </p:cNvPr>
          <p:cNvPicPr>
            <a:picLocks noChangeAspect="1"/>
          </p:cNvPicPr>
          <p:nvPr/>
        </p:nvPicPr>
        <p:blipFill>
          <a:blip r:embed="rId5"/>
          <a:stretch>
            <a:fillRect/>
          </a:stretch>
        </p:blipFill>
        <p:spPr>
          <a:xfrm>
            <a:off x="266089" y="2103085"/>
            <a:ext cx="1143022" cy="491736"/>
          </a:xfrm>
          <a:prstGeom prst="rect">
            <a:avLst/>
          </a:prstGeom>
        </p:spPr>
      </p:pic>
      <p:sp>
        <p:nvSpPr>
          <p:cNvPr id="4" name="Content Placeholder 2">
            <a:extLst>
              <a:ext uri="{FF2B5EF4-FFF2-40B4-BE49-F238E27FC236}">
                <a16:creationId xmlns:a16="http://schemas.microsoft.com/office/drawing/2014/main" id="{DD13D155-6444-5DDC-DB7D-6C26F21E0131}"/>
              </a:ext>
            </a:extLst>
          </p:cNvPr>
          <p:cNvSpPr txBox="1">
            <a:spLocks/>
          </p:cNvSpPr>
          <p:nvPr/>
        </p:nvSpPr>
        <p:spPr>
          <a:xfrm>
            <a:off x="86627" y="3204012"/>
            <a:ext cx="2827395" cy="2811852"/>
          </a:xfrm>
          <a:prstGeom prst="rect">
            <a:avLst/>
          </a:prstGeom>
        </p:spPr>
        <p:txBody>
          <a:bodyPr vert="horz" lIns="91440" tIns="45720" rIns="91440" bIns="45720" numCol="1" rtlCol="0">
            <a:normAutofit/>
          </a:bodyPr>
          <a:lstStyle>
            <a:lvl1pPr marL="228600" indent="-228600" algn="l" defTabSz="914400" rtl="0" eaLnBrk="1" latinLnBrk="0" hangingPunct="1">
              <a:lnSpc>
                <a:spcPct val="90000"/>
              </a:lnSpc>
              <a:spcBef>
                <a:spcPts val="1000"/>
              </a:spcBef>
              <a:buFont typeface="Wingdings" panose="05000000000000000000" pitchFamily="2" charset="2"/>
              <a:buChar char="§"/>
              <a:defRPr sz="2800" kern="1200">
                <a:solidFill>
                  <a:srgbClr val="6C6D70"/>
                </a:solidFill>
                <a:latin typeface="Trebuchet MS" panose="020B0603020202020204" pitchFamily="34" charset="0"/>
                <a:ea typeface="+mn-ea"/>
                <a:cs typeface="+mn-cs"/>
              </a:defRPr>
            </a:lvl1pPr>
            <a:lvl2pPr marL="685800" indent="-228600" algn="l" defTabSz="914400" rtl="0" eaLnBrk="1" latinLnBrk="0" hangingPunct="1">
              <a:lnSpc>
                <a:spcPct val="90000"/>
              </a:lnSpc>
              <a:spcBef>
                <a:spcPts val="500"/>
              </a:spcBef>
              <a:buFont typeface="Wingdings" panose="05000000000000000000" pitchFamily="2" charset="2"/>
              <a:buChar char="§"/>
              <a:defRPr sz="2400" kern="1200">
                <a:solidFill>
                  <a:srgbClr val="6C6D70"/>
                </a:solidFill>
                <a:latin typeface="Trebuchet MS" panose="020B0603020202020204" pitchFamily="34" charset="0"/>
                <a:ea typeface="+mn-ea"/>
                <a:cs typeface="+mn-cs"/>
              </a:defRPr>
            </a:lvl2pPr>
            <a:lvl3pPr marL="1143000" indent="-228600" algn="l" defTabSz="914400" rtl="0" eaLnBrk="1" latinLnBrk="0" hangingPunct="1">
              <a:lnSpc>
                <a:spcPct val="90000"/>
              </a:lnSpc>
              <a:spcBef>
                <a:spcPts val="500"/>
              </a:spcBef>
              <a:buFont typeface="Wingdings" panose="05000000000000000000" pitchFamily="2" charset="2"/>
              <a:buChar char="§"/>
              <a:defRPr sz="2000" kern="1200">
                <a:solidFill>
                  <a:srgbClr val="6C6D70"/>
                </a:solidFill>
                <a:latin typeface="Trebuchet MS" panose="020B0603020202020204" pitchFamily="34" charset="0"/>
                <a:ea typeface="+mn-ea"/>
                <a:cs typeface="+mn-cs"/>
              </a:defRPr>
            </a:lvl3pPr>
            <a:lvl4pPr marL="16002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rebuchet MS" panose="020B0603020202020204" pitchFamily="34" charset="0"/>
                <a:ea typeface="+mn-ea"/>
                <a:cs typeface="+mn-cs"/>
              </a:defRPr>
            </a:lvl4pPr>
            <a:lvl5pPr marL="20574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rebuchet MS" panose="020B0603020202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600"/>
              </a:spcBef>
              <a:buNone/>
            </a:pP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Step 1: Complaint Filed</a:t>
            </a:r>
            <a:endParaRPr lang="en-US" dirty="0">
              <a:ea typeface="Verdana" panose="020B0604030504040204" pitchFamily="34" charset="0"/>
              <a:cs typeface="Verdana" panose="020B0604030504040204" pitchFamily="34" charset="0"/>
            </a:endParaRPr>
          </a:p>
        </p:txBody>
      </p:sp>
      <p:sp>
        <p:nvSpPr>
          <p:cNvPr id="8" name="Content Placeholder 2">
            <a:extLst>
              <a:ext uri="{FF2B5EF4-FFF2-40B4-BE49-F238E27FC236}">
                <a16:creationId xmlns:a16="http://schemas.microsoft.com/office/drawing/2014/main" id="{BABE6757-3053-4BCA-7067-43CBF9469665}"/>
              </a:ext>
            </a:extLst>
          </p:cNvPr>
          <p:cNvSpPr txBox="1">
            <a:spLocks/>
          </p:cNvSpPr>
          <p:nvPr/>
        </p:nvSpPr>
        <p:spPr>
          <a:xfrm>
            <a:off x="8902840" y="3116308"/>
            <a:ext cx="3064746" cy="2811852"/>
          </a:xfrm>
          <a:prstGeom prst="rect">
            <a:avLst/>
          </a:prstGeom>
        </p:spPr>
        <p:txBody>
          <a:bodyPr vert="horz" lIns="91440" tIns="45720" rIns="91440" bIns="45720" numCol="1" rtlCol="0">
            <a:normAutofit/>
          </a:bodyPr>
          <a:lstStyle>
            <a:lvl1pPr marL="228600" indent="-228600" algn="l" defTabSz="914400" rtl="0" eaLnBrk="1" latinLnBrk="0" hangingPunct="1">
              <a:lnSpc>
                <a:spcPct val="90000"/>
              </a:lnSpc>
              <a:spcBef>
                <a:spcPts val="1000"/>
              </a:spcBef>
              <a:buFont typeface="Wingdings" panose="05000000000000000000" pitchFamily="2" charset="2"/>
              <a:buChar char="§"/>
              <a:defRPr sz="2800" kern="1200">
                <a:solidFill>
                  <a:srgbClr val="6C6D70"/>
                </a:solidFill>
                <a:latin typeface="Trebuchet MS" panose="020B0603020202020204" pitchFamily="34" charset="0"/>
                <a:ea typeface="+mn-ea"/>
                <a:cs typeface="+mn-cs"/>
              </a:defRPr>
            </a:lvl1pPr>
            <a:lvl2pPr marL="685800" indent="-228600" algn="l" defTabSz="914400" rtl="0" eaLnBrk="1" latinLnBrk="0" hangingPunct="1">
              <a:lnSpc>
                <a:spcPct val="90000"/>
              </a:lnSpc>
              <a:spcBef>
                <a:spcPts val="500"/>
              </a:spcBef>
              <a:buFont typeface="Wingdings" panose="05000000000000000000" pitchFamily="2" charset="2"/>
              <a:buChar char="§"/>
              <a:defRPr sz="2400" kern="1200">
                <a:solidFill>
                  <a:srgbClr val="6C6D70"/>
                </a:solidFill>
                <a:latin typeface="Trebuchet MS" panose="020B0603020202020204" pitchFamily="34" charset="0"/>
                <a:ea typeface="+mn-ea"/>
                <a:cs typeface="+mn-cs"/>
              </a:defRPr>
            </a:lvl2pPr>
            <a:lvl3pPr marL="1143000" indent="-228600" algn="l" defTabSz="914400" rtl="0" eaLnBrk="1" latinLnBrk="0" hangingPunct="1">
              <a:lnSpc>
                <a:spcPct val="90000"/>
              </a:lnSpc>
              <a:spcBef>
                <a:spcPts val="500"/>
              </a:spcBef>
              <a:buFont typeface="Wingdings" panose="05000000000000000000" pitchFamily="2" charset="2"/>
              <a:buChar char="§"/>
              <a:defRPr sz="2000" kern="1200">
                <a:solidFill>
                  <a:srgbClr val="6C6D70"/>
                </a:solidFill>
                <a:latin typeface="Trebuchet MS" panose="020B0603020202020204" pitchFamily="34" charset="0"/>
                <a:ea typeface="+mn-ea"/>
                <a:cs typeface="+mn-cs"/>
              </a:defRPr>
            </a:lvl3pPr>
            <a:lvl4pPr marL="16002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rebuchet MS" panose="020B0603020202020204" pitchFamily="34" charset="0"/>
                <a:ea typeface="+mn-ea"/>
                <a:cs typeface="+mn-cs"/>
              </a:defRPr>
            </a:lvl4pPr>
            <a:lvl5pPr marL="20574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rebuchet MS" panose="020B0603020202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r">
              <a:lnSpc>
                <a:spcPct val="150000"/>
              </a:lnSpc>
              <a:spcBef>
                <a:spcPts val="600"/>
              </a:spcBef>
              <a:buNone/>
            </a:pP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Step 2: Grievance Process</a:t>
            </a:r>
            <a:endParaRPr lang="en-US" dirty="0">
              <a:ea typeface="Verdana" panose="020B0604030504040204" pitchFamily="34" charset="0"/>
              <a:cs typeface="Verdana" panose="020B0604030504040204" pitchFamily="34" charset="0"/>
            </a:endParaRPr>
          </a:p>
        </p:txBody>
      </p:sp>
      <p:sp>
        <p:nvSpPr>
          <p:cNvPr id="15" name="TextBox 14">
            <a:extLst>
              <a:ext uri="{FF2B5EF4-FFF2-40B4-BE49-F238E27FC236}">
                <a16:creationId xmlns:a16="http://schemas.microsoft.com/office/drawing/2014/main" id="{EA5A735A-769F-43A0-B1F2-44F5F2D976AE}"/>
              </a:ext>
            </a:extLst>
          </p:cNvPr>
          <p:cNvSpPr txBox="1"/>
          <p:nvPr/>
        </p:nvSpPr>
        <p:spPr>
          <a:xfrm>
            <a:off x="6011049" y="5154996"/>
            <a:ext cx="6094324" cy="461665"/>
          </a:xfrm>
          <a:prstGeom prst="rect">
            <a:avLst/>
          </a:prstGeom>
          <a:noFill/>
        </p:spPr>
        <p:txBody>
          <a:bodyPr wrap="square">
            <a:spAutoFit/>
          </a:bodyPr>
          <a:lstStyle/>
          <a:p>
            <a:pPr algn="r"/>
            <a:r>
              <a:rPr lang="en-US" sz="2400" dirty="0">
                <a:solidFill>
                  <a:srgbClr val="6C6D70"/>
                </a:solidFill>
                <a:latin typeface="Tahoma" panose="020B0604030504040204" pitchFamily="34" charset="0"/>
                <a:ea typeface="Tahoma" panose="020B0604030504040204" pitchFamily="34" charset="0"/>
                <a:cs typeface="Tahoma" panose="020B0604030504040204" pitchFamily="34" charset="0"/>
              </a:rPr>
              <a:t>(if necessary)</a:t>
            </a:r>
            <a:endParaRPr lang="en-US" sz="2400" dirty="0"/>
          </a:p>
        </p:txBody>
      </p:sp>
    </p:spTree>
    <p:extLst>
      <p:ext uri="{BB962C8B-B14F-4D97-AF65-F5344CB8AC3E}">
        <p14:creationId xmlns:p14="http://schemas.microsoft.com/office/powerpoint/2010/main" val="383961497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747346" y="1481713"/>
            <a:ext cx="10697308" cy="4212710"/>
          </a:xfrm>
        </p:spPr>
        <p:txBody>
          <a:bodyPr>
            <a:noAutofit/>
          </a:bodyPr>
          <a:lstStyle/>
          <a:p>
            <a:pPr marL="0" indent="0">
              <a:lnSpc>
                <a:spcPct val="150000"/>
              </a:lnSpc>
              <a:buNone/>
            </a:pPr>
            <a:r>
              <a:rPr lang="en-US" sz="2800" dirty="0"/>
              <a:t>The Grievance Subcommittee </a:t>
            </a:r>
          </a:p>
          <a:p>
            <a:pPr lvl="1">
              <a:lnSpc>
                <a:spcPct val="150000"/>
              </a:lnSpc>
            </a:pPr>
            <a:r>
              <a:rPr lang="en-US" sz="2800" dirty="0"/>
              <a:t>Processes and investigates unresolved grievances </a:t>
            </a:r>
          </a:p>
          <a:p>
            <a:pPr lvl="1">
              <a:lnSpc>
                <a:spcPct val="150000"/>
              </a:lnSpc>
            </a:pPr>
            <a:r>
              <a:rPr lang="en-US" sz="2800" dirty="0"/>
              <a:t>Makes recommendations to the LCB or to the Commission for improvement of service. </a:t>
            </a:r>
          </a:p>
          <a:p>
            <a:pPr lvl="1">
              <a:lnSpc>
                <a:spcPct val="150000"/>
              </a:lnSpc>
            </a:pPr>
            <a:r>
              <a:rPr lang="en-US" sz="2800" dirty="0"/>
              <a:t>Does not possess adjudicative or determinative powers.</a:t>
            </a:r>
          </a:p>
          <a:p>
            <a:pPr marL="0" indent="0">
              <a:buNone/>
            </a:pPr>
            <a:endParaRPr lang="en-US" sz="3200" dirty="0"/>
          </a:p>
        </p:txBody>
      </p:sp>
      <p:sp>
        <p:nvSpPr>
          <p:cNvPr id="2" name="Title 1"/>
          <p:cNvSpPr>
            <a:spLocks noGrp="1"/>
          </p:cNvSpPr>
          <p:nvPr>
            <p:ph type="ctrTitle"/>
          </p:nvPr>
        </p:nvSpPr>
        <p:spPr/>
        <p:txBody>
          <a:bodyPr>
            <a:normAutofit/>
          </a:bodyPr>
          <a:lstStyle/>
          <a:p>
            <a:r>
              <a:rPr lang="en-US" dirty="0">
                <a:latin typeface="Tahoma" panose="020B0604030504040204" pitchFamily="34" charset="0"/>
                <a:ea typeface="Tahoma" panose="020B0604030504040204" pitchFamily="34" charset="0"/>
                <a:cs typeface="Tahoma" panose="020B0604030504040204" pitchFamily="34" charset="0"/>
              </a:rPr>
              <a:t>Grievance Procedures</a:t>
            </a:r>
          </a:p>
        </p:txBody>
      </p:sp>
    </p:spTree>
    <p:extLst>
      <p:ext uri="{BB962C8B-B14F-4D97-AF65-F5344CB8AC3E}">
        <p14:creationId xmlns:p14="http://schemas.microsoft.com/office/powerpoint/2010/main" val="331835423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dirty="0">
                <a:latin typeface="Tahoma" panose="020B0604030504040204" pitchFamily="34" charset="0"/>
                <a:ea typeface="Tahoma" panose="020B0604030504040204" pitchFamily="34" charset="0"/>
                <a:cs typeface="Tahoma" panose="020B0604030504040204" pitchFamily="34" charset="0"/>
              </a:rPr>
              <a:t>LCB Voting</a:t>
            </a:r>
            <a:endParaRPr lang="en-US" dirty="0"/>
          </a:p>
        </p:txBody>
      </p:sp>
      <p:sp>
        <p:nvSpPr>
          <p:cNvPr id="6" name="Content Placeholder 2">
            <a:extLst>
              <a:ext uri="{FF2B5EF4-FFF2-40B4-BE49-F238E27FC236}">
                <a16:creationId xmlns:a16="http://schemas.microsoft.com/office/drawing/2014/main" id="{F6282CBB-EB3C-DF2A-19FF-00D496281762}"/>
              </a:ext>
            </a:extLst>
          </p:cNvPr>
          <p:cNvSpPr txBox="1">
            <a:spLocks/>
          </p:cNvSpPr>
          <p:nvPr/>
        </p:nvSpPr>
        <p:spPr>
          <a:xfrm>
            <a:off x="838200" y="1967538"/>
            <a:ext cx="10515600" cy="4087067"/>
          </a:xfrm>
          <a:prstGeom prst="rect">
            <a:avLst/>
          </a:prstGeom>
        </p:spPr>
        <p:txBody>
          <a:bodyPr vert="horz" lIns="91440" tIns="45720" rIns="91440" bIns="45720" numCol="1" rtlCol="0">
            <a:normAutofit/>
          </a:bodyPr>
          <a:lstStyle>
            <a:lvl1pPr marL="228600" indent="-228600" algn="l" defTabSz="914400" rtl="0" eaLnBrk="1" latinLnBrk="0" hangingPunct="1">
              <a:lnSpc>
                <a:spcPct val="90000"/>
              </a:lnSpc>
              <a:spcBef>
                <a:spcPts val="1000"/>
              </a:spcBef>
              <a:buFont typeface="Wingdings" panose="05000000000000000000" pitchFamily="2" charset="2"/>
              <a:buChar char="§"/>
              <a:defRPr sz="2800" kern="1200">
                <a:solidFill>
                  <a:srgbClr val="6C6D70"/>
                </a:solidFill>
                <a:latin typeface="Trebuchet MS" panose="020B0603020202020204" pitchFamily="34" charset="0"/>
                <a:ea typeface="+mn-ea"/>
                <a:cs typeface="+mn-cs"/>
              </a:defRPr>
            </a:lvl1pPr>
            <a:lvl2pPr marL="685800" indent="-228600" algn="l" defTabSz="914400" rtl="0" eaLnBrk="1" latinLnBrk="0" hangingPunct="1">
              <a:lnSpc>
                <a:spcPct val="90000"/>
              </a:lnSpc>
              <a:spcBef>
                <a:spcPts val="500"/>
              </a:spcBef>
              <a:buFont typeface="Wingdings" panose="05000000000000000000" pitchFamily="2" charset="2"/>
              <a:buChar char="§"/>
              <a:defRPr sz="2400" kern="1200">
                <a:solidFill>
                  <a:srgbClr val="6C6D70"/>
                </a:solidFill>
                <a:latin typeface="Trebuchet MS" panose="020B0603020202020204" pitchFamily="34" charset="0"/>
                <a:ea typeface="+mn-ea"/>
                <a:cs typeface="+mn-cs"/>
              </a:defRPr>
            </a:lvl2pPr>
            <a:lvl3pPr marL="1143000" indent="-228600" algn="l" defTabSz="914400" rtl="0" eaLnBrk="1" latinLnBrk="0" hangingPunct="1">
              <a:lnSpc>
                <a:spcPct val="90000"/>
              </a:lnSpc>
              <a:spcBef>
                <a:spcPts val="500"/>
              </a:spcBef>
              <a:buFont typeface="Wingdings" panose="05000000000000000000" pitchFamily="2" charset="2"/>
              <a:buChar char="§"/>
              <a:defRPr sz="2000" kern="1200">
                <a:solidFill>
                  <a:srgbClr val="6C6D70"/>
                </a:solidFill>
                <a:latin typeface="Trebuchet MS" panose="020B0603020202020204" pitchFamily="34" charset="0"/>
                <a:ea typeface="+mn-ea"/>
                <a:cs typeface="+mn-cs"/>
              </a:defRPr>
            </a:lvl3pPr>
            <a:lvl4pPr marL="16002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rebuchet MS" panose="020B0603020202020204" pitchFamily="34" charset="0"/>
                <a:ea typeface="+mn-ea"/>
                <a:cs typeface="+mn-cs"/>
              </a:defRPr>
            </a:lvl4pPr>
            <a:lvl5pPr marL="2057400" indent="-228600" algn="l" defTabSz="914400" rtl="0" eaLnBrk="1" latinLnBrk="0" hangingPunct="1">
              <a:lnSpc>
                <a:spcPct val="90000"/>
              </a:lnSpc>
              <a:spcBef>
                <a:spcPts val="500"/>
              </a:spcBef>
              <a:buFont typeface="Wingdings" panose="05000000000000000000" pitchFamily="2" charset="2"/>
              <a:buChar char="§"/>
              <a:defRPr sz="1800" kern="1200">
                <a:solidFill>
                  <a:srgbClr val="6C6D70"/>
                </a:solidFill>
                <a:latin typeface="Trebuchet MS" panose="020B0603020202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50000"/>
              </a:lnSpc>
              <a:spcBef>
                <a:spcPts val="600"/>
              </a:spcBef>
              <a:buNone/>
            </a:pP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a:t>
            </a:r>
            <a:r>
              <a:rPr lang="en-US" sz="3000" b="1" dirty="0">
                <a:solidFill>
                  <a:srgbClr val="6C6D70"/>
                </a:solidFill>
                <a:latin typeface="Tahoma" panose="020B0604030504040204" pitchFamily="34" charset="0"/>
                <a:ea typeface="Tahoma" panose="020B0604030504040204" pitchFamily="34" charset="0"/>
                <a:cs typeface="Tahoma" panose="020B0604030504040204" pitchFamily="34" charset="0"/>
              </a:rPr>
              <a:t>No member of a board or commission who is present </a:t>
            </a: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at any meeting of the board or commission at which an official decision, ruling, or other official act is taken or adopted </a:t>
            </a:r>
            <a:r>
              <a:rPr lang="en-US" sz="3000" b="1" dirty="0">
                <a:solidFill>
                  <a:srgbClr val="6C6D70"/>
                </a:solidFill>
                <a:latin typeface="Tahoma" panose="020B0604030504040204" pitchFamily="34" charset="0"/>
                <a:ea typeface="Tahoma" panose="020B0604030504040204" pitchFamily="34" charset="0"/>
                <a:cs typeface="Tahoma" panose="020B0604030504040204" pitchFamily="34" charset="0"/>
              </a:rPr>
              <a:t>may abstain from voting</a:t>
            </a: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 </a:t>
            </a:r>
          </a:p>
          <a:p>
            <a:pPr marL="0" indent="0">
              <a:lnSpc>
                <a:spcPct val="150000"/>
              </a:lnSpc>
              <a:buFont typeface="Wingdings" panose="05000000000000000000" pitchFamily="2" charset="2"/>
              <a:buNone/>
            </a:pPr>
            <a:endParaRPr lang="en-US" dirty="0">
              <a:ea typeface="Verdana" panose="020B0604030504040204" pitchFamily="34" charset="0"/>
              <a:cs typeface="Verdana" panose="020B0604030504040204" pitchFamily="34" charset="0"/>
            </a:endParaRPr>
          </a:p>
          <a:p>
            <a:endParaRPr lang="en-US" dirty="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70935770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73D351-0C07-414D-B4BF-BBE5F1F83375}"/>
              </a:ext>
            </a:extLst>
          </p:cNvPr>
          <p:cNvSpPr>
            <a:spLocks noGrp="1"/>
          </p:cNvSpPr>
          <p:nvPr>
            <p:ph type="ctrTitle"/>
          </p:nvPr>
        </p:nvSpPr>
        <p:spPr>
          <a:xfrm>
            <a:off x="4109061" y="2209123"/>
            <a:ext cx="7422292" cy="2439753"/>
          </a:xfrm>
        </p:spPr>
        <p:txBody>
          <a:bodyPr>
            <a:normAutofit fontScale="90000"/>
          </a:bodyPr>
          <a:lstStyle/>
          <a:p>
            <a:r>
              <a:rPr lang="en-US" dirty="0">
                <a:solidFill>
                  <a:schemeClr val="bg1"/>
                </a:solidFill>
                <a:latin typeface="Tahoma" panose="020B0604030504040204" pitchFamily="34" charset="0"/>
                <a:ea typeface="Tahoma" panose="020B0604030504040204" pitchFamily="34" charset="0"/>
                <a:cs typeface="Tahoma" panose="020B0604030504040204" pitchFamily="34" charset="0"/>
              </a:rPr>
              <a:t>Transportation Disadvantaged (TD) Program</a:t>
            </a:r>
            <a:endParaRPr lang="en-US" dirty="0"/>
          </a:p>
        </p:txBody>
      </p:sp>
    </p:spTree>
    <p:extLst>
      <p:ext uri="{BB962C8B-B14F-4D97-AF65-F5344CB8AC3E}">
        <p14:creationId xmlns:p14="http://schemas.microsoft.com/office/powerpoint/2010/main" val="273101257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a:bodyPr>
          <a:lstStyle/>
          <a:p>
            <a:r>
              <a:rPr lang="en-US">
                <a:latin typeface="Tahoma" panose="020B0604030504040204" pitchFamily="34" charset="0"/>
                <a:ea typeface="Tahoma" panose="020B0604030504040204" pitchFamily="34" charset="0"/>
                <a:cs typeface="Tahoma" panose="020B0604030504040204" pitchFamily="34" charset="0"/>
              </a:rPr>
              <a:t>Timeline of LCB Duties FY 2023</a:t>
            </a:r>
            <a:endParaRPr lang="en-US"/>
          </a:p>
        </p:txBody>
      </p:sp>
      <p:sp>
        <p:nvSpPr>
          <p:cNvPr id="83" name="OTLSHAPE_TB_00000000000000000000000000000000_TimescaleInterval1">
            <a:extLst>
              <a:ext uri="{FF2B5EF4-FFF2-40B4-BE49-F238E27FC236}">
                <a16:creationId xmlns:a16="http://schemas.microsoft.com/office/drawing/2014/main" id="{735A31DF-EDC6-9CB5-7539-4244F8C57AC5}"/>
              </a:ext>
            </a:extLst>
          </p:cNvPr>
          <p:cNvSpPr txBox="1"/>
          <p:nvPr>
            <p:custDataLst>
              <p:tags r:id="rId1"/>
            </p:custDataLst>
          </p:nvPr>
        </p:nvSpPr>
        <p:spPr>
          <a:xfrm>
            <a:off x="909780" y="4392174"/>
            <a:ext cx="2032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grpSp>
        <p:nvGrpSpPr>
          <p:cNvPr id="84" name="Group 83">
            <a:extLst>
              <a:ext uri="{FF2B5EF4-FFF2-40B4-BE49-F238E27FC236}">
                <a16:creationId xmlns:a16="http://schemas.microsoft.com/office/drawing/2014/main" id="{04548DA9-6CDD-4B21-FEC5-C87AAA8E46D9}"/>
              </a:ext>
            </a:extLst>
          </p:cNvPr>
          <p:cNvGrpSpPr/>
          <p:nvPr/>
        </p:nvGrpSpPr>
        <p:grpSpPr>
          <a:xfrm>
            <a:off x="183731" y="2561278"/>
            <a:ext cx="11648831" cy="3180804"/>
            <a:chOff x="270816" y="2439358"/>
            <a:chExt cx="11648831" cy="3180804"/>
          </a:xfrm>
        </p:grpSpPr>
        <p:cxnSp>
          <p:nvCxnSpPr>
            <p:cNvPr id="85" name="OTLSHAPE_M_a0d66daaeb674623b95ddc511283d9a3_Connector1">
              <a:extLst>
                <a:ext uri="{FF2B5EF4-FFF2-40B4-BE49-F238E27FC236}">
                  <a16:creationId xmlns:a16="http://schemas.microsoft.com/office/drawing/2014/main" id="{999E8EF5-E4D9-C100-6566-26306A8E0A34}"/>
                </a:ext>
              </a:extLst>
            </p:cNvPr>
            <p:cNvCxnSpPr/>
            <p:nvPr/>
          </p:nvCxnSpPr>
          <p:spPr>
            <a:xfrm>
              <a:off x="10291887" y="3871490"/>
              <a:ext cx="0" cy="913765"/>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6" name="OTLSHAPE_M_2e036c6c32514b56b8aa0e3bba5e98e7_Connector1">
              <a:extLst>
                <a:ext uri="{FF2B5EF4-FFF2-40B4-BE49-F238E27FC236}">
                  <a16:creationId xmlns:a16="http://schemas.microsoft.com/office/drawing/2014/main" id="{2BAE2C60-6AB1-1F02-A4D0-9EE5A08663DB}"/>
                </a:ext>
              </a:extLst>
            </p:cNvPr>
            <p:cNvCxnSpPr/>
            <p:nvPr/>
          </p:nvCxnSpPr>
          <p:spPr>
            <a:xfrm>
              <a:off x="10291887" y="4336733"/>
              <a:ext cx="0" cy="448522"/>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OTLSHAPE_M_7779da636b0d44c6a9d4931bdc62788b_Connector1">
              <a:extLst>
                <a:ext uri="{FF2B5EF4-FFF2-40B4-BE49-F238E27FC236}">
                  <a16:creationId xmlns:a16="http://schemas.microsoft.com/office/drawing/2014/main" id="{86D0C687-A2C9-F96B-D93B-D345A2F4C978}"/>
                </a:ext>
              </a:extLst>
            </p:cNvPr>
            <p:cNvCxnSpPr/>
            <p:nvPr/>
          </p:nvCxnSpPr>
          <p:spPr>
            <a:xfrm>
              <a:off x="7560541" y="3406247"/>
              <a:ext cx="0" cy="1379008"/>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 name="OTLSHAPE_M_21535a59df9540569025f84196d711f4_Connector1">
              <a:extLst>
                <a:ext uri="{FF2B5EF4-FFF2-40B4-BE49-F238E27FC236}">
                  <a16:creationId xmlns:a16="http://schemas.microsoft.com/office/drawing/2014/main" id="{247FE200-D270-5215-1DD4-AB584B44FAC9}"/>
                </a:ext>
              </a:extLst>
            </p:cNvPr>
            <p:cNvCxnSpPr/>
            <p:nvPr/>
          </p:nvCxnSpPr>
          <p:spPr>
            <a:xfrm>
              <a:off x="7560541" y="3871490"/>
              <a:ext cx="0" cy="913765"/>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9" name="OTLSHAPE_M_4a809e654a0946ee954141d87088c742_Connector1">
              <a:extLst>
                <a:ext uri="{FF2B5EF4-FFF2-40B4-BE49-F238E27FC236}">
                  <a16:creationId xmlns:a16="http://schemas.microsoft.com/office/drawing/2014/main" id="{B8AB9678-62BB-60C3-D472-685FC3FF4ACB}"/>
                </a:ext>
              </a:extLst>
            </p:cNvPr>
            <p:cNvCxnSpPr/>
            <p:nvPr/>
          </p:nvCxnSpPr>
          <p:spPr>
            <a:xfrm>
              <a:off x="7560541" y="4336733"/>
              <a:ext cx="0" cy="448522"/>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 name="OTLSHAPE_M_eeea1fa11e334dd58f2c60a46c353138_Connector1">
              <a:extLst>
                <a:ext uri="{FF2B5EF4-FFF2-40B4-BE49-F238E27FC236}">
                  <a16:creationId xmlns:a16="http://schemas.microsoft.com/office/drawing/2014/main" id="{1460D0CB-561C-232F-6080-CED14CBC6CD5}"/>
                </a:ext>
              </a:extLst>
            </p:cNvPr>
            <p:cNvCxnSpPr>
              <a:cxnSpLocks/>
              <a:stCxn id="132" idx="3"/>
            </p:cNvCxnSpPr>
            <p:nvPr/>
          </p:nvCxnSpPr>
          <p:spPr>
            <a:xfrm flipH="1">
              <a:off x="4829195" y="3301420"/>
              <a:ext cx="1901" cy="1483835"/>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 name="OTLSHAPE_M_59b5ac8298c14cca9e65190bf60d5d05_Connector1">
              <a:extLst>
                <a:ext uri="{FF2B5EF4-FFF2-40B4-BE49-F238E27FC236}">
                  <a16:creationId xmlns:a16="http://schemas.microsoft.com/office/drawing/2014/main" id="{54B0DA3A-538E-74C9-DB3E-FA893D065AFC}"/>
                </a:ext>
              </a:extLst>
            </p:cNvPr>
            <p:cNvCxnSpPr>
              <a:cxnSpLocks/>
            </p:cNvCxnSpPr>
            <p:nvPr/>
          </p:nvCxnSpPr>
          <p:spPr>
            <a:xfrm>
              <a:off x="3965198" y="2988161"/>
              <a:ext cx="0" cy="1797094"/>
            </a:xfrm>
            <a:prstGeom prst="line">
              <a:avLst/>
            </a:prstGeom>
            <a:ln w="9525" cap="flat" cmpd="sng" algn="ctr">
              <a:solidFill>
                <a:srgbClr val="1F497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 name="OTLSHAPE_M_2b147c48339f434892a5ef1836ea3597_Connector1">
              <a:extLst>
                <a:ext uri="{FF2B5EF4-FFF2-40B4-BE49-F238E27FC236}">
                  <a16:creationId xmlns:a16="http://schemas.microsoft.com/office/drawing/2014/main" id="{3DF1070E-2D93-636E-2FBC-8396EFA1A85C}"/>
                </a:ext>
              </a:extLst>
            </p:cNvPr>
            <p:cNvCxnSpPr/>
            <p:nvPr/>
          </p:nvCxnSpPr>
          <p:spPr>
            <a:xfrm>
              <a:off x="2192718" y="2522919"/>
              <a:ext cx="0" cy="2309495"/>
            </a:xfrm>
            <a:prstGeom prst="line">
              <a:avLst/>
            </a:prstGeom>
            <a:ln w="9525" cap="flat" cmpd="sng" algn="ctr">
              <a:solidFill>
                <a:schemeClr val="accent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OTLSHAPE_TB_00000000000000000000000000000000_RightEndCaps">
              <a:extLst>
                <a:ext uri="{FF2B5EF4-FFF2-40B4-BE49-F238E27FC236}">
                  <a16:creationId xmlns:a16="http://schemas.microsoft.com/office/drawing/2014/main" id="{28853218-B8F0-13D6-055F-6E1BDD326516}"/>
                </a:ext>
              </a:extLst>
            </p:cNvPr>
            <p:cNvSpPr txBox="1"/>
            <p:nvPr/>
          </p:nvSpPr>
          <p:spPr>
            <a:xfrm>
              <a:off x="11471063" y="4837255"/>
              <a:ext cx="448584" cy="276999"/>
            </a:xfrm>
            <a:prstGeom prst="rect">
              <a:avLst/>
            </a:prstGeom>
            <a:noFill/>
          </p:spPr>
          <p:txBody>
            <a:bodyPr vert="horz" wrap="non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b="1" spc="-38">
                  <a:solidFill>
                    <a:srgbClr val="C0504D"/>
                  </a:solidFill>
                  <a:latin typeface="Calibri" panose="020F0502020204030204" pitchFamily="34" charset="0"/>
                </a:rPr>
                <a:t>2023</a:t>
              </a:r>
            </a:p>
          </p:txBody>
        </p:sp>
        <p:sp>
          <p:nvSpPr>
            <p:cNvPr id="95" name="OTLSHAPE_TB_00000000000000000000000000000000_ScaleContainer">
              <a:extLst>
                <a:ext uri="{FF2B5EF4-FFF2-40B4-BE49-F238E27FC236}">
                  <a16:creationId xmlns:a16="http://schemas.microsoft.com/office/drawing/2014/main" id="{1FF86D79-A2C4-125F-146F-8629BDC14BFC}"/>
                </a:ext>
              </a:extLst>
            </p:cNvPr>
            <p:cNvSpPr/>
            <p:nvPr/>
          </p:nvSpPr>
          <p:spPr>
            <a:xfrm>
              <a:off x="839454" y="4785255"/>
              <a:ext cx="10515600" cy="381000"/>
            </a:xfrm>
            <a:prstGeom prst="roundRect">
              <a:avLst>
                <a:gd name="adj" fmla="val 100000"/>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96" name="OTLSHAPE_TB_00000000000000000000000000000000_TimescaleInterval1">
              <a:extLst>
                <a:ext uri="{FF2B5EF4-FFF2-40B4-BE49-F238E27FC236}">
                  <a16:creationId xmlns:a16="http://schemas.microsoft.com/office/drawing/2014/main" id="{75630E6D-76A9-8D26-0D43-227406416726}"/>
                </a:ext>
              </a:extLst>
            </p:cNvPr>
            <p:cNvSpPr txBox="1"/>
            <p:nvPr/>
          </p:nvSpPr>
          <p:spPr>
            <a:xfrm>
              <a:off x="1068054" y="4882728"/>
              <a:ext cx="158185"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0">
                  <a:solidFill>
                    <a:schemeClr val="lt1"/>
                  </a:solidFill>
                  <a:latin typeface="Calibri" panose="020F0502020204030204" pitchFamily="34" charset="0"/>
                </a:rPr>
                <a:t>Jul</a:t>
              </a:r>
            </a:p>
          </p:txBody>
        </p:sp>
        <p:cxnSp>
          <p:nvCxnSpPr>
            <p:cNvPr id="97" name="OTLSHAPE_TB_00000000000000000000000000000000_Separator1">
              <a:extLst>
                <a:ext uri="{FF2B5EF4-FFF2-40B4-BE49-F238E27FC236}">
                  <a16:creationId xmlns:a16="http://schemas.microsoft.com/office/drawing/2014/main" id="{00315578-BAE1-DE8C-B8BD-A4AD6F74D788}"/>
                </a:ext>
              </a:extLst>
            </p:cNvPr>
            <p:cNvCxnSpPr/>
            <p:nvPr/>
          </p:nvCxnSpPr>
          <p:spPr>
            <a:xfrm>
              <a:off x="1868551"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 name="OTLSHAPE_TB_00000000000000000000000000000000_TimescaleInterval2">
              <a:extLst>
                <a:ext uri="{FF2B5EF4-FFF2-40B4-BE49-F238E27FC236}">
                  <a16:creationId xmlns:a16="http://schemas.microsoft.com/office/drawing/2014/main" id="{7A2FEF2F-037B-699D-A0E1-266D5ECE5A1C}"/>
                </a:ext>
              </a:extLst>
            </p:cNvPr>
            <p:cNvSpPr txBox="1"/>
            <p:nvPr/>
          </p:nvSpPr>
          <p:spPr>
            <a:xfrm>
              <a:off x="1932052" y="4882728"/>
              <a:ext cx="241300"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0">
                  <a:solidFill>
                    <a:schemeClr val="lt1"/>
                  </a:solidFill>
                  <a:latin typeface="Calibri" panose="020F0502020204030204" pitchFamily="34" charset="0"/>
                </a:rPr>
                <a:t>Aug</a:t>
              </a:r>
            </a:p>
          </p:txBody>
        </p:sp>
        <p:cxnSp>
          <p:nvCxnSpPr>
            <p:cNvPr id="99" name="OTLSHAPE_TB_00000000000000000000000000000000_Separator2">
              <a:extLst>
                <a:ext uri="{FF2B5EF4-FFF2-40B4-BE49-F238E27FC236}">
                  <a16:creationId xmlns:a16="http://schemas.microsoft.com/office/drawing/2014/main" id="{0B535BCC-6212-5032-F10D-6AE1B559B4CE}"/>
                </a:ext>
              </a:extLst>
            </p:cNvPr>
            <p:cNvCxnSpPr/>
            <p:nvPr/>
          </p:nvCxnSpPr>
          <p:spPr>
            <a:xfrm>
              <a:off x="2732548"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OTLSHAPE_TB_00000000000000000000000000000000_TimescaleInterval3">
              <a:extLst>
                <a:ext uri="{FF2B5EF4-FFF2-40B4-BE49-F238E27FC236}">
                  <a16:creationId xmlns:a16="http://schemas.microsoft.com/office/drawing/2014/main" id="{9A93BC55-8648-284B-5CA2-7B19FE70A841}"/>
                </a:ext>
              </a:extLst>
            </p:cNvPr>
            <p:cNvSpPr txBox="1"/>
            <p:nvPr/>
          </p:nvSpPr>
          <p:spPr>
            <a:xfrm>
              <a:off x="2796049" y="4882728"/>
              <a:ext cx="228600"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Sep</a:t>
              </a:r>
            </a:p>
          </p:txBody>
        </p:sp>
        <p:cxnSp>
          <p:nvCxnSpPr>
            <p:cNvPr id="101" name="OTLSHAPE_TB_00000000000000000000000000000000_Separator3">
              <a:extLst>
                <a:ext uri="{FF2B5EF4-FFF2-40B4-BE49-F238E27FC236}">
                  <a16:creationId xmlns:a16="http://schemas.microsoft.com/office/drawing/2014/main" id="{C284C60C-6FC0-07FC-DA98-CB182B9A07F8}"/>
                </a:ext>
              </a:extLst>
            </p:cNvPr>
            <p:cNvCxnSpPr/>
            <p:nvPr/>
          </p:nvCxnSpPr>
          <p:spPr>
            <a:xfrm>
              <a:off x="3568675"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2" name="OTLSHAPE_TB_00000000000000000000000000000000_TimescaleInterval4">
              <a:extLst>
                <a:ext uri="{FF2B5EF4-FFF2-40B4-BE49-F238E27FC236}">
                  <a16:creationId xmlns:a16="http://schemas.microsoft.com/office/drawing/2014/main" id="{05539058-26B9-39DD-8A7A-DD5065D21CC8}"/>
                </a:ext>
              </a:extLst>
            </p:cNvPr>
            <p:cNvSpPr txBox="1"/>
            <p:nvPr/>
          </p:nvSpPr>
          <p:spPr>
            <a:xfrm>
              <a:off x="3632175" y="4882728"/>
              <a:ext cx="211148"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2">
                  <a:solidFill>
                    <a:schemeClr val="lt1"/>
                  </a:solidFill>
                  <a:latin typeface="Calibri" panose="020F0502020204030204" pitchFamily="34" charset="0"/>
                </a:rPr>
                <a:t>Oct</a:t>
              </a:r>
            </a:p>
          </p:txBody>
        </p:sp>
        <p:cxnSp>
          <p:nvCxnSpPr>
            <p:cNvPr id="103" name="OTLSHAPE_TB_00000000000000000000000000000000_Separator4">
              <a:extLst>
                <a:ext uri="{FF2B5EF4-FFF2-40B4-BE49-F238E27FC236}">
                  <a16:creationId xmlns:a16="http://schemas.microsoft.com/office/drawing/2014/main" id="{BBB540E8-5C48-325D-DB06-3CBF413670BF}"/>
                </a:ext>
              </a:extLst>
            </p:cNvPr>
            <p:cNvCxnSpPr/>
            <p:nvPr/>
          </p:nvCxnSpPr>
          <p:spPr>
            <a:xfrm>
              <a:off x="4432672"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OTLSHAPE_TB_00000000000000000000000000000000_TimescaleInterval5">
              <a:extLst>
                <a:ext uri="{FF2B5EF4-FFF2-40B4-BE49-F238E27FC236}">
                  <a16:creationId xmlns:a16="http://schemas.microsoft.com/office/drawing/2014/main" id="{0537718B-FBCB-8527-028A-2B94A7073937}"/>
                </a:ext>
              </a:extLst>
            </p:cNvPr>
            <p:cNvSpPr txBox="1"/>
            <p:nvPr/>
          </p:nvSpPr>
          <p:spPr>
            <a:xfrm>
              <a:off x="4496172" y="4882728"/>
              <a:ext cx="243978"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0">
                  <a:solidFill>
                    <a:schemeClr val="lt1"/>
                  </a:solidFill>
                  <a:latin typeface="Calibri" panose="020F0502020204030204" pitchFamily="34" charset="0"/>
                </a:rPr>
                <a:t>Nov</a:t>
              </a:r>
            </a:p>
          </p:txBody>
        </p:sp>
        <p:cxnSp>
          <p:nvCxnSpPr>
            <p:cNvPr id="105" name="OTLSHAPE_TB_00000000000000000000000000000000_Separator5">
              <a:extLst>
                <a:ext uri="{FF2B5EF4-FFF2-40B4-BE49-F238E27FC236}">
                  <a16:creationId xmlns:a16="http://schemas.microsoft.com/office/drawing/2014/main" id="{8001A320-180C-8255-3853-E0036B8DE9BD}"/>
                </a:ext>
              </a:extLst>
            </p:cNvPr>
            <p:cNvCxnSpPr/>
            <p:nvPr/>
          </p:nvCxnSpPr>
          <p:spPr>
            <a:xfrm>
              <a:off x="5268798"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6" name="OTLSHAPE_TB_00000000000000000000000000000000_TimescaleInterval6">
              <a:extLst>
                <a:ext uri="{FF2B5EF4-FFF2-40B4-BE49-F238E27FC236}">
                  <a16:creationId xmlns:a16="http://schemas.microsoft.com/office/drawing/2014/main" id="{AB3BF13C-BDE6-3BAE-E3A8-D4B97142683B}"/>
                </a:ext>
              </a:extLst>
            </p:cNvPr>
            <p:cNvSpPr txBox="1"/>
            <p:nvPr/>
          </p:nvSpPr>
          <p:spPr>
            <a:xfrm>
              <a:off x="5332298" y="4882728"/>
              <a:ext cx="231858"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2">
                  <a:solidFill>
                    <a:schemeClr val="lt1"/>
                  </a:solidFill>
                  <a:latin typeface="Calibri" panose="020F0502020204030204" pitchFamily="34" charset="0"/>
                </a:rPr>
                <a:t>Dec</a:t>
              </a:r>
            </a:p>
          </p:txBody>
        </p:sp>
        <p:cxnSp>
          <p:nvCxnSpPr>
            <p:cNvPr id="107" name="OTLSHAPE_TB_00000000000000000000000000000000_Separator6">
              <a:extLst>
                <a:ext uri="{FF2B5EF4-FFF2-40B4-BE49-F238E27FC236}">
                  <a16:creationId xmlns:a16="http://schemas.microsoft.com/office/drawing/2014/main" id="{FD121C45-DB84-DE35-AA2D-E6165D2019DA}"/>
                </a:ext>
              </a:extLst>
            </p:cNvPr>
            <p:cNvCxnSpPr/>
            <p:nvPr/>
          </p:nvCxnSpPr>
          <p:spPr>
            <a:xfrm>
              <a:off x="6132795"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8" name="OTLSHAPE_TB_00000000000000000000000000000000_TimescaleInterval7">
              <a:extLst>
                <a:ext uri="{FF2B5EF4-FFF2-40B4-BE49-F238E27FC236}">
                  <a16:creationId xmlns:a16="http://schemas.microsoft.com/office/drawing/2014/main" id="{499CA7AE-F092-91B1-368A-A1C85127262D}"/>
                </a:ext>
              </a:extLst>
            </p:cNvPr>
            <p:cNvSpPr txBox="1"/>
            <p:nvPr/>
          </p:nvSpPr>
          <p:spPr>
            <a:xfrm>
              <a:off x="6196295" y="4882728"/>
              <a:ext cx="304955"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20">
                  <a:solidFill>
                    <a:schemeClr val="lt1"/>
                  </a:solidFill>
                  <a:latin typeface="Calibri" panose="020F0502020204030204" pitchFamily="34" charset="0"/>
                </a:rPr>
                <a:t>Jan</a:t>
              </a:r>
            </a:p>
          </p:txBody>
        </p:sp>
        <p:cxnSp>
          <p:nvCxnSpPr>
            <p:cNvPr id="109" name="OTLSHAPE_TB_00000000000000000000000000000000_Separator7">
              <a:extLst>
                <a:ext uri="{FF2B5EF4-FFF2-40B4-BE49-F238E27FC236}">
                  <a16:creationId xmlns:a16="http://schemas.microsoft.com/office/drawing/2014/main" id="{445C9A4C-E52D-5F42-24BD-009F60616B25}"/>
                </a:ext>
              </a:extLst>
            </p:cNvPr>
            <p:cNvCxnSpPr/>
            <p:nvPr/>
          </p:nvCxnSpPr>
          <p:spPr>
            <a:xfrm>
              <a:off x="6996793"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0" name="OTLSHAPE_TB_00000000000000000000000000000000_TimescaleInterval8">
              <a:extLst>
                <a:ext uri="{FF2B5EF4-FFF2-40B4-BE49-F238E27FC236}">
                  <a16:creationId xmlns:a16="http://schemas.microsoft.com/office/drawing/2014/main" id="{88121CFA-F9F1-AA10-B7E1-C0B6815EFC07}"/>
                </a:ext>
              </a:extLst>
            </p:cNvPr>
            <p:cNvSpPr txBox="1"/>
            <p:nvPr/>
          </p:nvSpPr>
          <p:spPr>
            <a:xfrm>
              <a:off x="7060293" y="4882728"/>
              <a:ext cx="219227"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Feb</a:t>
              </a:r>
            </a:p>
          </p:txBody>
        </p:sp>
        <p:cxnSp>
          <p:nvCxnSpPr>
            <p:cNvPr id="111" name="OTLSHAPE_TB_00000000000000000000000000000000_Separator8">
              <a:extLst>
                <a:ext uri="{FF2B5EF4-FFF2-40B4-BE49-F238E27FC236}">
                  <a16:creationId xmlns:a16="http://schemas.microsoft.com/office/drawing/2014/main" id="{52D6FEA0-B42F-5087-5EE1-56339D61A79B}"/>
                </a:ext>
              </a:extLst>
            </p:cNvPr>
            <p:cNvCxnSpPr/>
            <p:nvPr/>
          </p:nvCxnSpPr>
          <p:spPr>
            <a:xfrm>
              <a:off x="7777177"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2" name="OTLSHAPE_TB_00000000000000000000000000000000_TimescaleInterval9">
              <a:extLst>
                <a:ext uri="{FF2B5EF4-FFF2-40B4-BE49-F238E27FC236}">
                  <a16:creationId xmlns:a16="http://schemas.microsoft.com/office/drawing/2014/main" id="{791FDD29-98A5-ECCA-94B8-0F9AB95C2983}"/>
                </a:ext>
              </a:extLst>
            </p:cNvPr>
            <p:cNvSpPr txBox="1"/>
            <p:nvPr/>
          </p:nvSpPr>
          <p:spPr>
            <a:xfrm>
              <a:off x="7840677" y="4882728"/>
              <a:ext cx="255776"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Mar</a:t>
              </a:r>
            </a:p>
          </p:txBody>
        </p:sp>
        <p:cxnSp>
          <p:nvCxnSpPr>
            <p:cNvPr id="113" name="OTLSHAPE_TB_00000000000000000000000000000000_Separator9">
              <a:extLst>
                <a:ext uri="{FF2B5EF4-FFF2-40B4-BE49-F238E27FC236}">
                  <a16:creationId xmlns:a16="http://schemas.microsoft.com/office/drawing/2014/main" id="{D5F38542-F5A9-241E-918E-8D348D5FD61B}"/>
                </a:ext>
              </a:extLst>
            </p:cNvPr>
            <p:cNvCxnSpPr/>
            <p:nvPr/>
          </p:nvCxnSpPr>
          <p:spPr>
            <a:xfrm>
              <a:off x="8641174"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4" name="OTLSHAPE_TB_00000000000000000000000000000000_TimescaleInterval10">
              <a:extLst>
                <a:ext uri="{FF2B5EF4-FFF2-40B4-BE49-F238E27FC236}">
                  <a16:creationId xmlns:a16="http://schemas.microsoft.com/office/drawing/2014/main" id="{9C64DD92-0F1D-7A0E-EB85-4B749D4C3FD4}"/>
                </a:ext>
              </a:extLst>
            </p:cNvPr>
            <p:cNvSpPr txBox="1"/>
            <p:nvPr/>
          </p:nvSpPr>
          <p:spPr>
            <a:xfrm>
              <a:off x="8704674" y="4882728"/>
              <a:ext cx="219740"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Apr</a:t>
              </a:r>
            </a:p>
          </p:txBody>
        </p:sp>
        <p:cxnSp>
          <p:nvCxnSpPr>
            <p:cNvPr id="115" name="OTLSHAPE_TB_00000000000000000000000000000000_Separator10">
              <a:extLst>
                <a:ext uri="{FF2B5EF4-FFF2-40B4-BE49-F238E27FC236}">
                  <a16:creationId xmlns:a16="http://schemas.microsoft.com/office/drawing/2014/main" id="{6AE9FDF3-8A6E-ED61-4000-37D41E4796FD}"/>
                </a:ext>
              </a:extLst>
            </p:cNvPr>
            <p:cNvCxnSpPr/>
            <p:nvPr/>
          </p:nvCxnSpPr>
          <p:spPr>
            <a:xfrm>
              <a:off x="9477300"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6" name="OTLSHAPE_TB_00000000000000000000000000000000_TimescaleInterval11">
              <a:extLst>
                <a:ext uri="{FF2B5EF4-FFF2-40B4-BE49-F238E27FC236}">
                  <a16:creationId xmlns:a16="http://schemas.microsoft.com/office/drawing/2014/main" id="{D975B9AA-D494-2DEB-6F83-1FFFDD73D67D}"/>
                </a:ext>
              </a:extLst>
            </p:cNvPr>
            <p:cNvSpPr txBox="1"/>
            <p:nvPr/>
          </p:nvSpPr>
          <p:spPr>
            <a:xfrm>
              <a:off x="9540801" y="4882728"/>
              <a:ext cx="268150"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May</a:t>
              </a:r>
            </a:p>
          </p:txBody>
        </p:sp>
        <p:cxnSp>
          <p:nvCxnSpPr>
            <p:cNvPr id="117" name="OTLSHAPE_TB_00000000000000000000000000000000_Separator11">
              <a:extLst>
                <a:ext uri="{FF2B5EF4-FFF2-40B4-BE49-F238E27FC236}">
                  <a16:creationId xmlns:a16="http://schemas.microsoft.com/office/drawing/2014/main" id="{01DE0FD5-A54C-9267-027D-5E4A9E39B6AF}"/>
                </a:ext>
              </a:extLst>
            </p:cNvPr>
            <p:cNvCxnSpPr/>
            <p:nvPr/>
          </p:nvCxnSpPr>
          <p:spPr>
            <a:xfrm>
              <a:off x="10341297" y="48487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OTLSHAPE_TB_00000000000000000000000000000000_TimescaleInterval12">
              <a:extLst>
                <a:ext uri="{FF2B5EF4-FFF2-40B4-BE49-F238E27FC236}">
                  <a16:creationId xmlns:a16="http://schemas.microsoft.com/office/drawing/2014/main" id="{51FBD6AC-5B93-F54F-E8A9-739E56585719}"/>
                </a:ext>
              </a:extLst>
            </p:cNvPr>
            <p:cNvSpPr txBox="1"/>
            <p:nvPr/>
          </p:nvSpPr>
          <p:spPr>
            <a:xfrm>
              <a:off x="10404798" y="4882728"/>
              <a:ext cx="206916" cy="186055"/>
            </a:xfrm>
            <a:prstGeom prst="rect">
              <a:avLst/>
            </a:prstGeom>
            <a:noFill/>
          </p:spPr>
          <p:txBody>
            <a:bodyPr vert="horz" wrap="none" lIns="0" tIns="0" rIns="0" bIns="0"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200" spc="-18">
                  <a:solidFill>
                    <a:schemeClr val="lt1"/>
                  </a:solidFill>
                  <a:latin typeface="Calibri" panose="020F0502020204030204" pitchFamily="34" charset="0"/>
                </a:rPr>
                <a:t>Jun</a:t>
              </a:r>
            </a:p>
          </p:txBody>
        </p:sp>
        <p:sp>
          <p:nvSpPr>
            <p:cNvPr id="119" name="OTLSHAPE_M_8cc1ba62bc92479399f399f1daac8d07_Title">
              <a:extLst>
                <a:ext uri="{FF2B5EF4-FFF2-40B4-BE49-F238E27FC236}">
                  <a16:creationId xmlns:a16="http://schemas.microsoft.com/office/drawing/2014/main" id="{6823CD81-5F71-3912-DCD7-94DB91FC48A6}"/>
                </a:ext>
              </a:extLst>
            </p:cNvPr>
            <p:cNvSpPr txBox="1"/>
            <p:nvPr/>
          </p:nvSpPr>
          <p:spPr>
            <a:xfrm>
              <a:off x="2414968" y="4265571"/>
              <a:ext cx="9779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2">
                  <a:solidFill>
                    <a:schemeClr val="dk1"/>
                  </a:solidFill>
                  <a:latin typeface="Calibri" panose="020F0502020204030204" pitchFamily="34" charset="0"/>
                </a:rPr>
                <a:t>1st Qtr. LCB Mtg.</a:t>
              </a:r>
            </a:p>
          </p:txBody>
        </p:sp>
        <p:sp>
          <p:nvSpPr>
            <p:cNvPr id="120" name="OTLSHAPE_M_8cc1ba62bc92479399f399f1daac8d07_Date">
              <a:extLst>
                <a:ext uri="{FF2B5EF4-FFF2-40B4-BE49-F238E27FC236}">
                  <a16:creationId xmlns:a16="http://schemas.microsoft.com/office/drawing/2014/main" id="{A059720C-CB03-877B-F6AA-82B2225F08F6}"/>
                </a:ext>
              </a:extLst>
            </p:cNvPr>
            <p:cNvSpPr txBox="1"/>
            <p:nvPr/>
          </p:nvSpPr>
          <p:spPr>
            <a:xfrm>
              <a:off x="2414968" y="4461489"/>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21" name="OTLSHAPE_M_8cc1ba62bc92479399f399f1daac8d07_Shape">
              <a:extLst>
                <a:ext uri="{FF2B5EF4-FFF2-40B4-BE49-F238E27FC236}">
                  <a16:creationId xmlns:a16="http://schemas.microsoft.com/office/drawing/2014/main" id="{0ADD8025-4F03-A72F-2449-D75F844B62DF}"/>
                </a:ext>
              </a:extLst>
            </p:cNvPr>
            <p:cNvSpPr/>
            <p:nvPr/>
          </p:nvSpPr>
          <p:spPr>
            <a:xfrm rot="16200000">
              <a:off x="2218118" y="4383892"/>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22" name="OTLSHAPE_M_051a32e4ff0e47229380669de64fe5ab_Title">
              <a:extLst>
                <a:ext uri="{FF2B5EF4-FFF2-40B4-BE49-F238E27FC236}">
                  <a16:creationId xmlns:a16="http://schemas.microsoft.com/office/drawing/2014/main" id="{C55B0730-D815-7F84-3FA7-3D61AB7DB00A}"/>
                </a:ext>
              </a:extLst>
            </p:cNvPr>
            <p:cNvSpPr txBox="1"/>
            <p:nvPr/>
          </p:nvSpPr>
          <p:spPr>
            <a:xfrm>
              <a:off x="2414968" y="3800327"/>
              <a:ext cx="6604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8">
                  <a:solidFill>
                    <a:schemeClr val="dk1"/>
                  </a:solidFill>
                  <a:latin typeface="Calibri" panose="020F0502020204030204" pitchFamily="34" charset="0"/>
                </a:rPr>
                <a:t>AER</a:t>
              </a:r>
            </a:p>
          </p:txBody>
        </p:sp>
        <p:sp>
          <p:nvSpPr>
            <p:cNvPr id="123" name="OTLSHAPE_M_051a32e4ff0e47229380669de64fe5ab_Date">
              <a:extLst>
                <a:ext uri="{FF2B5EF4-FFF2-40B4-BE49-F238E27FC236}">
                  <a16:creationId xmlns:a16="http://schemas.microsoft.com/office/drawing/2014/main" id="{D93D7536-34D0-CBB5-6176-65F487C22D12}"/>
                </a:ext>
              </a:extLst>
            </p:cNvPr>
            <p:cNvSpPr txBox="1"/>
            <p:nvPr/>
          </p:nvSpPr>
          <p:spPr>
            <a:xfrm>
              <a:off x="2414968" y="3996246"/>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24" name="OTLSHAPE_M_051a32e4ff0e47229380669de64fe5ab_Shape">
              <a:extLst>
                <a:ext uri="{FF2B5EF4-FFF2-40B4-BE49-F238E27FC236}">
                  <a16:creationId xmlns:a16="http://schemas.microsoft.com/office/drawing/2014/main" id="{323E1D15-9A44-F215-AB8F-2830E1748D49}"/>
                </a:ext>
              </a:extLst>
            </p:cNvPr>
            <p:cNvSpPr/>
            <p:nvPr/>
          </p:nvSpPr>
          <p:spPr>
            <a:xfrm rot="16200000">
              <a:off x="2218118" y="3918649"/>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25" name="OTLSHAPE_M_9f860f8d65ee4aac85039f30c2ffcf33_Title">
              <a:extLst>
                <a:ext uri="{FF2B5EF4-FFF2-40B4-BE49-F238E27FC236}">
                  <a16:creationId xmlns:a16="http://schemas.microsoft.com/office/drawing/2014/main" id="{B5478DBC-8BE5-A88F-8E60-A8847FA33032}"/>
                </a:ext>
              </a:extLst>
            </p:cNvPr>
            <p:cNvSpPr txBox="1"/>
            <p:nvPr/>
          </p:nvSpPr>
          <p:spPr>
            <a:xfrm>
              <a:off x="2408617" y="2886181"/>
              <a:ext cx="12700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4" dirty="0">
                  <a:solidFill>
                    <a:schemeClr val="dk1"/>
                  </a:solidFill>
                  <a:latin typeface="Calibri" panose="020F0502020204030204" pitchFamily="34" charset="0"/>
                </a:rPr>
                <a:t>Grievance Procedures</a:t>
              </a:r>
            </a:p>
          </p:txBody>
        </p:sp>
        <p:sp>
          <p:nvSpPr>
            <p:cNvPr id="126" name="OTLSHAPE_M_9f860f8d65ee4aac85039f30c2ffcf33_Date">
              <a:extLst>
                <a:ext uri="{FF2B5EF4-FFF2-40B4-BE49-F238E27FC236}">
                  <a16:creationId xmlns:a16="http://schemas.microsoft.com/office/drawing/2014/main" id="{90F20286-EA94-5201-BD56-0D5CEE0CDC0B}"/>
                </a:ext>
              </a:extLst>
            </p:cNvPr>
            <p:cNvSpPr txBox="1"/>
            <p:nvPr/>
          </p:nvSpPr>
          <p:spPr>
            <a:xfrm>
              <a:off x="2414968" y="3065759"/>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27" name="OTLSHAPE_M_9f860f8d65ee4aac85039f30c2ffcf33_Shape">
              <a:extLst>
                <a:ext uri="{FF2B5EF4-FFF2-40B4-BE49-F238E27FC236}">
                  <a16:creationId xmlns:a16="http://schemas.microsoft.com/office/drawing/2014/main" id="{C6A6A744-7BAA-DFDC-DCD4-72C64D45F5E9}"/>
                </a:ext>
              </a:extLst>
            </p:cNvPr>
            <p:cNvSpPr/>
            <p:nvPr/>
          </p:nvSpPr>
          <p:spPr>
            <a:xfrm rot="16200000">
              <a:off x="2218118" y="298816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28" name="OTLSHAPE_M_2b147c48339f434892a5ef1836ea3597_Title">
              <a:extLst>
                <a:ext uri="{FF2B5EF4-FFF2-40B4-BE49-F238E27FC236}">
                  <a16:creationId xmlns:a16="http://schemas.microsoft.com/office/drawing/2014/main" id="{3BF35E7D-C1BE-D880-77E2-750B94FEECD3}"/>
                </a:ext>
              </a:extLst>
            </p:cNvPr>
            <p:cNvSpPr txBox="1"/>
            <p:nvPr/>
          </p:nvSpPr>
          <p:spPr>
            <a:xfrm>
              <a:off x="2421318" y="3390899"/>
              <a:ext cx="4826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0">
                  <a:solidFill>
                    <a:schemeClr val="dk1"/>
                  </a:solidFill>
                  <a:latin typeface="Calibri" panose="020F0502020204030204" pitchFamily="34" charset="0"/>
                </a:rPr>
                <a:t>By-Laws</a:t>
              </a:r>
            </a:p>
          </p:txBody>
        </p:sp>
        <p:sp>
          <p:nvSpPr>
            <p:cNvPr id="129" name="OTLSHAPE_M_2b147c48339f434892a5ef1836ea3597_Date">
              <a:extLst>
                <a:ext uri="{FF2B5EF4-FFF2-40B4-BE49-F238E27FC236}">
                  <a16:creationId xmlns:a16="http://schemas.microsoft.com/office/drawing/2014/main" id="{2E821653-E8E8-1E43-9AA6-2EBA8901D1A4}"/>
                </a:ext>
              </a:extLst>
            </p:cNvPr>
            <p:cNvSpPr txBox="1"/>
            <p:nvPr/>
          </p:nvSpPr>
          <p:spPr>
            <a:xfrm>
              <a:off x="2414967" y="2601084"/>
              <a:ext cx="576039"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30" name="OTLSHAPE_M_2b147c48339f434892a5ef1836ea3597_Shape">
              <a:extLst>
                <a:ext uri="{FF2B5EF4-FFF2-40B4-BE49-F238E27FC236}">
                  <a16:creationId xmlns:a16="http://schemas.microsoft.com/office/drawing/2014/main" id="{3598A958-5BAB-3A72-2556-AF1F5260DC6D}"/>
                </a:ext>
              </a:extLst>
            </p:cNvPr>
            <p:cNvSpPr/>
            <p:nvPr/>
          </p:nvSpPr>
          <p:spPr>
            <a:xfrm rot="16200000">
              <a:off x="2218118" y="2522919"/>
              <a:ext cx="165100" cy="165100"/>
            </a:xfrm>
            <a:prstGeom prst="flowChartMerge">
              <a:avLst/>
            </a:prstGeom>
            <a:solidFill>
              <a:srgbClr val="02B2E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31" name="OTLSHAPE_M_59b5ac8298c14cca9e65190bf60d5d05_Title">
              <a:extLst>
                <a:ext uri="{FF2B5EF4-FFF2-40B4-BE49-F238E27FC236}">
                  <a16:creationId xmlns:a16="http://schemas.microsoft.com/office/drawing/2014/main" id="{BF5D52B1-E646-649C-D70D-4061FFAB91FA}"/>
                </a:ext>
              </a:extLst>
            </p:cNvPr>
            <p:cNvSpPr txBox="1"/>
            <p:nvPr/>
          </p:nvSpPr>
          <p:spPr>
            <a:xfrm>
              <a:off x="4200545" y="2958945"/>
              <a:ext cx="13081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4">
                  <a:solidFill>
                    <a:schemeClr val="dk1"/>
                  </a:solidFill>
                  <a:latin typeface="Calibri" panose="020F0502020204030204" pitchFamily="34" charset="0"/>
                </a:rPr>
                <a:t>CTD Annual Workshop</a:t>
              </a:r>
            </a:p>
          </p:txBody>
        </p:sp>
        <p:sp>
          <p:nvSpPr>
            <p:cNvPr id="132" name="OTLSHAPE_M_59b5ac8298c14cca9e65190bf60d5d05_Date">
              <a:extLst>
                <a:ext uri="{FF2B5EF4-FFF2-40B4-BE49-F238E27FC236}">
                  <a16:creationId xmlns:a16="http://schemas.microsoft.com/office/drawing/2014/main" id="{D5AE52AF-7331-475F-58B0-191A8E607093}"/>
                </a:ext>
              </a:extLst>
            </p:cNvPr>
            <p:cNvSpPr txBox="1"/>
            <p:nvPr/>
          </p:nvSpPr>
          <p:spPr>
            <a:xfrm>
              <a:off x="4208796" y="3147531"/>
              <a:ext cx="622300" cy="307777"/>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30/2022 8/31/2022</a:t>
              </a:r>
            </a:p>
          </p:txBody>
        </p:sp>
        <p:sp>
          <p:nvSpPr>
            <p:cNvPr id="133" name="OTLSHAPE_M_59b5ac8298c14cca9e65190bf60d5d05_Shape">
              <a:extLst>
                <a:ext uri="{FF2B5EF4-FFF2-40B4-BE49-F238E27FC236}">
                  <a16:creationId xmlns:a16="http://schemas.microsoft.com/office/drawing/2014/main" id="{55668D12-4C67-4EF1-8F13-FB7BD882FAC0}"/>
                </a:ext>
              </a:extLst>
            </p:cNvPr>
            <p:cNvSpPr/>
            <p:nvPr/>
          </p:nvSpPr>
          <p:spPr>
            <a:xfrm rot="16200000">
              <a:off x="4001272" y="2967948"/>
              <a:ext cx="165100" cy="165100"/>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34" name="OTLSHAPE_M_eeea1fa11e334dd58f2c60a46c353138_Title">
              <a:extLst>
                <a:ext uri="{FF2B5EF4-FFF2-40B4-BE49-F238E27FC236}">
                  <a16:creationId xmlns:a16="http://schemas.microsoft.com/office/drawing/2014/main" id="{15CAD5FC-2BA5-BFB3-A51A-93305B70B35E}"/>
                </a:ext>
              </a:extLst>
            </p:cNvPr>
            <p:cNvSpPr txBox="1"/>
            <p:nvPr/>
          </p:nvSpPr>
          <p:spPr>
            <a:xfrm>
              <a:off x="5041492" y="4337205"/>
              <a:ext cx="10287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2">
                  <a:solidFill>
                    <a:schemeClr val="dk1"/>
                  </a:solidFill>
                  <a:latin typeface="Calibri" panose="020F0502020204030204" pitchFamily="34" charset="0"/>
                </a:rPr>
                <a:t>2nd Qtr. LCB Mtg.</a:t>
              </a:r>
            </a:p>
          </p:txBody>
        </p:sp>
        <p:sp>
          <p:nvSpPr>
            <p:cNvPr id="135" name="OTLSHAPE_M_eeea1fa11e334dd58f2c60a46c353138_Date">
              <a:extLst>
                <a:ext uri="{FF2B5EF4-FFF2-40B4-BE49-F238E27FC236}">
                  <a16:creationId xmlns:a16="http://schemas.microsoft.com/office/drawing/2014/main" id="{20DADBC9-CA26-19DA-FEEE-73F67F633563}"/>
                </a:ext>
              </a:extLst>
            </p:cNvPr>
            <p:cNvSpPr txBox="1"/>
            <p:nvPr/>
          </p:nvSpPr>
          <p:spPr>
            <a:xfrm>
              <a:off x="5043194" y="4513666"/>
              <a:ext cx="6223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11/16/2022</a:t>
              </a:r>
            </a:p>
          </p:txBody>
        </p:sp>
        <p:sp>
          <p:nvSpPr>
            <p:cNvPr id="136" name="OTLSHAPE_M_eeea1fa11e334dd58f2c60a46c353138_Shape">
              <a:extLst>
                <a:ext uri="{FF2B5EF4-FFF2-40B4-BE49-F238E27FC236}">
                  <a16:creationId xmlns:a16="http://schemas.microsoft.com/office/drawing/2014/main" id="{A9A522F1-A236-5238-0C7F-E41930D5DC77}"/>
                </a:ext>
              </a:extLst>
            </p:cNvPr>
            <p:cNvSpPr/>
            <p:nvPr/>
          </p:nvSpPr>
          <p:spPr>
            <a:xfrm rot="16200000">
              <a:off x="4854595" y="4336733"/>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37" name="OTLSHAPE_M_99d798c70a7246909196591bc2f26927_Title">
              <a:extLst>
                <a:ext uri="{FF2B5EF4-FFF2-40B4-BE49-F238E27FC236}">
                  <a16:creationId xmlns:a16="http://schemas.microsoft.com/office/drawing/2014/main" id="{4AF2762E-EAB9-2C8A-7F4B-B9B8D290BB58}"/>
                </a:ext>
              </a:extLst>
            </p:cNvPr>
            <p:cNvSpPr txBox="1"/>
            <p:nvPr/>
          </p:nvSpPr>
          <p:spPr>
            <a:xfrm>
              <a:off x="2408617" y="2439358"/>
              <a:ext cx="11430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4">
                  <a:solidFill>
                    <a:schemeClr val="dk1"/>
                  </a:solidFill>
                  <a:latin typeface="Calibri" panose="020F0502020204030204" pitchFamily="34" charset="0"/>
                </a:rPr>
                <a:t>TDSP Major Update</a:t>
              </a:r>
            </a:p>
          </p:txBody>
        </p:sp>
        <p:sp>
          <p:nvSpPr>
            <p:cNvPr id="138" name="OTLSHAPE_M_99d798c70a7246909196591bc2f26927_Shape">
              <a:extLst>
                <a:ext uri="{FF2B5EF4-FFF2-40B4-BE49-F238E27FC236}">
                  <a16:creationId xmlns:a16="http://schemas.microsoft.com/office/drawing/2014/main" id="{FC80AE61-F6E3-6A16-242D-6300B2088F90}"/>
                </a:ext>
              </a:extLst>
            </p:cNvPr>
            <p:cNvSpPr/>
            <p:nvPr/>
          </p:nvSpPr>
          <p:spPr>
            <a:xfrm rot="16200000">
              <a:off x="4871882" y="3843440"/>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39" name="OTLSHAPE_M_4a809e654a0946ee954141d87088c742_Title">
              <a:extLst>
                <a:ext uri="{FF2B5EF4-FFF2-40B4-BE49-F238E27FC236}">
                  <a16:creationId xmlns:a16="http://schemas.microsoft.com/office/drawing/2014/main" id="{2F4B8ED1-8010-44FD-9860-5C9318D2C3F8}"/>
                </a:ext>
              </a:extLst>
            </p:cNvPr>
            <p:cNvSpPr txBox="1"/>
            <p:nvPr/>
          </p:nvSpPr>
          <p:spPr>
            <a:xfrm>
              <a:off x="7782791" y="4218412"/>
              <a:ext cx="10033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2">
                  <a:solidFill>
                    <a:schemeClr val="dk1"/>
                  </a:solidFill>
                  <a:latin typeface="Calibri" panose="020F0502020204030204" pitchFamily="34" charset="0"/>
                </a:rPr>
                <a:t>3rd Qtr. LCB Mtg.</a:t>
              </a:r>
            </a:p>
          </p:txBody>
        </p:sp>
        <p:sp>
          <p:nvSpPr>
            <p:cNvPr id="140" name="OTLSHAPE_M_4a809e654a0946ee954141d87088c742_Date">
              <a:extLst>
                <a:ext uri="{FF2B5EF4-FFF2-40B4-BE49-F238E27FC236}">
                  <a16:creationId xmlns:a16="http://schemas.microsoft.com/office/drawing/2014/main" id="{253A228F-9752-3CD0-C616-D38DE843F3F4}"/>
                </a:ext>
              </a:extLst>
            </p:cNvPr>
            <p:cNvSpPr txBox="1"/>
            <p:nvPr/>
          </p:nvSpPr>
          <p:spPr>
            <a:xfrm>
              <a:off x="7782791" y="4414898"/>
              <a:ext cx="558800"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2/22/2023</a:t>
              </a:r>
            </a:p>
          </p:txBody>
        </p:sp>
        <p:sp>
          <p:nvSpPr>
            <p:cNvPr id="141" name="OTLSHAPE_M_4a809e654a0946ee954141d87088c742_Shape">
              <a:extLst>
                <a:ext uri="{FF2B5EF4-FFF2-40B4-BE49-F238E27FC236}">
                  <a16:creationId xmlns:a16="http://schemas.microsoft.com/office/drawing/2014/main" id="{9ABB2609-4562-BECB-BE1C-903551DB1AF7}"/>
                </a:ext>
              </a:extLst>
            </p:cNvPr>
            <p:cNvSpPr/>
            <p:nvPr/>
          </p:nvSpPr>
          <p:spPr>
            <a:xfrm rot="16200000">
              <a:off x="7585941" y="4336733"/>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42" name="OTLSHAPE_M_21535a59df9540569025f84196d711f4_Title">
              <a:extLst>
                <a:ext uri="{FF2B5EF4-FFF2-40B4-BE49-F238E27FC236}">
                  <a16:creationId xmlns:a16="http://schemas.microsoft.com/office/drawing/2014/main" id="{BEF82173-88A5-7DE8-C142-17C29BEEF674}"/>
                </a:ext>
              </a:extLst>
            </p:cNvPr>
            <p:cNvSpPr txBox="1"/>
            <p:nvPr/>
          </p:nvSpPr>
          <p:spPr>
            <a:xfrm>
              <a:off x="7782791" y="3753168"/>
              <a:ext cx="12700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8">
                  <a:solidFill>
                    <a:schemeClr val="dk1"/>
                  </a:solidFill>
                  <a:latin typeface="Calibri" panose="020F0502020204030204" pitchFamily="34" charset="0"/>
                </a:rPr>
                <a:t>CTC Evaluation Begins</a:t>
              </a:r>
            </a:p>
          </p:txBody>
        </p:sp>
        <p:sp>
          <p:nvSpPr>
            <p:cNvPr id="143" name="OTLSHAPE_M_21535a59df9540569025f84196d711f4_Date">
              <a:extLst>
                <a:ext uri="{FF2B5EF4-FFF2-40B4-BE49-F238E27FC236}">
                  <a16:creationId xmlns:a16="http://schemas.microsoft.com/office/drawing/2014/main" id="{13962362-F53A-FAD7-9735-60436695AEBA}"/>
                </a:ext>
              </a:extLst>
            </p:cNvPr>
            <p:cNvSpPr txBox="1"/>
            <p:nvPr/>
          </p:nvSpPr>
          <p:spPr>
            <a:xfrm>
              <a:off x="7782791" y="3949087"/>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2/22/2023</a:t>
              </a:r>
            </a:p>
          </p:txBody>
        </p:sp>
        <p:sp>
          <p:nvSpPr>
            <p:cNvPr id="144" name="OTLSHAPE_M_21535a59df9540569025f84196d711f4_Shape">
              <a:extLst>
                <a:ext uri="{FF2B5EF4-FFF2-40B4-BE49-F238E27FC236}">
                  <a16:creationId xmlns:a16="http://schemas.microsoft.com/office/drawing/2014/main" id="{376770A1-9F1A-5FA1-2FFF-B7B7E717C0EE}"/>
                </a:ext>
              </a:extLst>
            </p:cNvPr>
            <p:cNvSpPr/>
            <p:nvPr/>
          </p:nvSpPr>
          <p:spPr>
            <a:xfrm rot="16200000">
              <a:off x="7585941" y="3871490"/>
              <a:ext cx="165100" cy="165100"/>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45" name="OTLSHAPE_M_7779da636b0d44c6a9d4931bdc62788b_Title">
              <a:extLst>
                <a:ext uri="{FF2B5EF4-FFF2-40B4-BE49-F238E27FC236}">
                  <a16:creationId xmlns:a16="http://schemas.microsoft.com/office/drawing/2014/main" id="{2306251C-A85A-83EC-0E18-42B274E66001}"/>
                </a:ext>
              </a:extLst>
            </p:cNvPr>
            <p:cNvSpPr txBox="1"/>
            <p:nvPr/>
          </p:nvSpPr>
          <p:spPr>
            <a:xfrm>
              <a:off x="7782791" y="3287925"/>
              <a:ext cx="8382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4">
                  <a:solidFill>
                    <a:schemeClr val="dk1"/>
                  </a:solidFill>
                  <a:latin typeface="Calibri" panose="020F0502020204030204" pitchFamily="34" charset="0"/>
                </a:rPr>
                <a:t>Public Hearing</a:t>
              </a:r>
            </a:p>
          </p:txBody>
        </p:sp>
        <p:sp>
          <p:nvSpPr>
            <p:cNvPr id="146" name="OTLSHAPE_M_7779da636b0d44c6a9d4931bdc62788b_Date">
              <a:extLst>
                <a:ext uri="{FF2B5EF4-FFF2-40B4-BE49-F238E27FC236}">
                  <a16:creationId xmlns:a16="http://schemas.microsoft.com/office/drawing/2014/main" id="{0A9A6FA6-9038-5EA7-027A-7683B4934BF1}"/>
                </a:ext>
              </a:extLst>
            </p:cNvPr>
            <p:cNvSpPr txBox="1"/>
            <p:nvPr/>
          </p:nvSpPr>
          <p:spPr>
            <a:xfrm>
              <a:off x="7782791" y="3483844"/>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2/22/2023</a:t>
              </a:r>
            </a:p>
          </p:txBody>
        </p:sp>
        <p:sp>
          <p:nvSpPr>
            <p:cNvPr id="147" name="OTLSHAPE_M_7779da636b0d44c6a9d4931bdc62788b_Shape">
              <a:extLst>
                <a:ext uri="{FF2B5EF4-FFF2-40B4-BE49-F238E27FC236}">
                  <a16:creationId xmlns:a16="http://schemas.microsoft.com/office/drawing/2014/main" id="{644AF278-4873-D852-2FC6-3FC99FD4D73A}"/>
                </a:ext>
              </a:extLst>
            </p:cNvPr>
            <p:cNvSpPr/>
            <p:nvPr/>
          </p:nvSpPr>
          <p:spPr>
            <a:xfrm rot="16200000">
              <a:off x="7585941" y="3406247"/>
              <a:ext cx="165100" cy="165100"/>
            </a:xfrm>
            <a:prstGeom prst="flowChartMerge">
              <a:avLst/>
            </a:prstGeom>
            <a:solidFill>
              <a:srgbClr val="02B2E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48" name="OTLSHAPE_M_6b3c3ff01b9f4587bf3402e36d7d8c6c_Title">
              <a:extLst>
                <a:ext uri="{FF2B5EF4-FFF2-40B4-BE49-F238E27FC236}">
                  <a16:creationId xmlns:a16="http://schemas.microsoft.com/office/drawing/2014/main" id="{095FA31D-0BAF-554B-B0EE-B75390022254}"/>
                </a:ext>
              </a:extLst>
            </p:cNvPr>
            <p:cNvSpPr txBox="1"/>
            <p:nvPr/>
          </p:nvSpPr>
          <p:spPr>
            <a:xfrm>
              <a:off x="5064992" y="3833856"/>
              <a:ext cx="12446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8">
                  <a:solidFill>
                    <a:schemeClr val="dk1"/>
                  </a:solidFill>
                  <a:latin typeface="Calibri" panose="020F0502020204030204" pitchFamily="34" charset="0"/>
                </a:rPr>
                <a:t>AOR</a:t>
              </a:r>
            </a:p>
          </p:txBody>
        </p:sp>
        <p:sp>
          <p:nvSpPr>
            <p:cNvPr id="149" name="OTLSHAPE_M_6b3c3ff01b9f4587bf3402e36d7d8c6c_Date">
              <a:extLst>
                <a:ext uri="{FF2B5EF4-FFF2-40B4-BE49-F238E27FC236}">
                  <a16:creationId xmlns:a16="http://schemas.microsoft.com/office/drawing/2014/main" id="{142E56F1-8175-9A90-4A19-ED12DA19FACC}"/>
                </a:ext>
              </a:extLst>
            </p:cNvPr>
            <p:cNvSpPr txBox="1"/>
            <p:nvPr/>
          </p:nvSpPr>
          <p:spPr>
            <a:xfrm>
              <a:off x="5081378" y="4003080"/>
              <a:ext cx="688705"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11/16/2022</a:t>
              </a:r>
            </a:p>
          </p:txBody>
        </p:sp>
        <p:sp>
          <p:nvSpPr>
            <p:cNvPr id="150" name="OTLSHAPE_M_6b3c3ff01b9f4587bf3402e36d7d8c6c_Shape">
              <a:extLst>
                <a:ext uri="{FF2B5EF4-FFF2-40B4-BE49-F238E27FC236}">
                  <a16:creationId xmlns:a16="http://schemas.microsoft.com/office/drawing/2014/main" id="{6FCAC16B-C32D-8F9D-4CD6-B9A6C0DA0E59}"/>
                </a:ext>
              </a:extLst>
            </p:cNvPr>
            <p:cNvSpPr/>
            <p:nvPr/>
          </p:nvSpPr>
          <p:spPr>
            <a:xfrm rot="16200000">
              <a:off x="2222493" y="340594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51" name="OTLSHAPE_M_2e036c6c32514b56b8aa0e3bba5e98e7_Title">
              <a:extLst>
                <a:ext uri="{FF2B5EF4-FFF2-40B4-BE49-F238E27FC236}">
                  <a16:creationId xmlns:a16="http://schemas.microsoft.com/office/drawing/2014/main" id="{2251D3F9-E583-7F1E-F53D-C23F2F826FA9}"/>
                </a:ext>
              </a:extLst>
            </p:cNvPr>
            <p:cNvSpPr txBox="1"/>
            <p:nvPr/>
          </p:nvSpPr>
          <p:spPr>
            <a:xfrm>
              <a:off x="10514137" y="4218412"/>
              <a:ext cx="10033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2">
                  <a:solidFill>
                    <a:schemeClr val="dk1"/>
                  </a:solidFill>
                  <a:latin typeface="Calibri" panose="020F0502020204030204" pitchFamily="34" charset="0"/>
                </a:rPr>
                <a:t>4th Qtr. LCB Mtg.</a:t>
              </a:r>
            </a:p>
          </p:txBody>
        </p:sp>
        <p:sp>
          <p:nvSpPr>
            <p:cNvPr id="152" name="OTLSHAPE_M_2e036c6c32514b56b8aa0e3bba5e98e7_Date">
              <a:extLst>
                <a:ext uri="{FF2B5EF4-FFF2-40B4-BE49-F238E27FC236}">
                  <a16:creationId xmlns:a16="http://schemas.microsoft.com/office/drawing/2014/main" id="{8B643EB5-2D61-0CF2-891E-CAB592F41BDD}"/>
                </a:ext>
              </a:extLst>
            </p:cNvPr>
            <p:cNvSpPr txBox="1"/>
            <p:nvPr/>
          </p:nvSpPr>
          <p:spPr>
            <a:xfrm>
              <a:off x="10514136" y="4414898"/>
              <a:ext cx="641747"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5/24/2023</a:t>
              </a:r>
            </a:p>
          </p:txBody>
        </p:sp>
        <p:sp>
          <p:nvSpPr>
            <p:cNvPr id="153" name="OTLSHAPE_M_2e036c6c32514b56b8aa0e3bba5e98e7_Shape">
              <a:extLst>
                <a:ext uri="{FF2B5EF4-FFF2-40B4-BE49-F238E27FC236}">
                  <a16:creationId xmlns:a16="http://schemas.microsoft.com/office/drawing/2014/main" id="{02ED068B-AA7F-6D82-DB7E-B5B694393A8C}"/>
                </a:ext>
              </a:extLst>
            </p:cNvPr>
            <p:cNvSpPr/>
            <p:nvPr/>
          </p:nvSpPr>
          <p:spPr>
            <a:xfrm rot="16200000">
              <a:off x="10317287" y="4336733"/>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54" name="OTLSHAPE_M_a0d66daaeb674623b95ddc511283d9a3_Date">
              <a:extLst>
                <a:ext uri="{FF2B5EF4-FFF2-40B4-BE49-F238E27FC236}">
                  <a16:creationId xmlns:a16="http://schemas.microsoft.com/office/drawing/2014/main" id="{3B6933E6-B07B-53A5-88D7-23388B27351F}"/>
                </a:ext>
              </a:extLst>
            </p:cNvPr>
            <p:cNvSpPr txBox="1"/>
            <p:nvPr/>
          </p:nvSpPr>
          <p:spPr>
            <a:xfrm>
              <a:off x="10514137" y="3949087"/>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a:cs typeface="Calibri"/>
                </a:rPr>
                <a:t>5/24/2023</a:t>
              </a:r>
            </a:p>
          </p:txBody>
        </p:sp>
        <p:sp>
          <p:nvSpPr>
            <p:cNvPr id="155" name="OTLSHAPE_M_a0d66daaeb674623b95ddc511283d9a3_Shape">
              <a:extLst>
                <a:ext uri="{FF2B5EF4-FFF2-40B4-BE49-F238E27FC236}">
                  <a16:creationId xmlns:a16="http://schemas.microsoft.com/office/drawing/2014/main" id="{5D3FC5C5-162F-03D4-3644-800976C64056}"/>
                </a:ext>
              </a:extLst>
            </p:cNvPr>
            <p:cNvSpPr/>
            <p:nvPr/>
          </p:nvSpPr>
          <p:spPr>
            <a:xfrm rot="16200000">
              <a:off x="10317287" y="3871490"/>
              <a:ext cx="165100" cy="165100"/>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56" name="OTLSHAPE_T_24bcee9279bc4506bcf2c1a8a88cdd85_Shape">
              <a:extLst>
                <a:ext uri="{FF2B5EF4-FFF2-40B4-BE49-F238E27FC236}">
                  <a16:creationId xmlns:a16="http://schemas.microsoft.com/office/drawing/2014/main" id="{0CE67179-EC05-42A7-6ED1-D3891917A231}"/>
                </a:ext>
              </a:extLst>
            </p:cNvPr>
            <p:cNvSpPr/>
            <p:nvPr/>
          </p:nvSpPr>
          <p:spPr>
            <a:xfrm>
              <a:off x="1531277" y="5416962"/>
              <a:ext cx="1151861" cy="203200"/>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57" name="OTLSHAPE_T_24bcee9279bc4506bcf2c1a8a88cdd85_StartDate">
              <a:extLst>
                <a:ext uri="{FF2B5EF4-FFF2-40B4-BE49-F238E27FC236}">
                  <a16:creationId xmlns:a16="http://schemas.microsoft.com/office/drawing/2014/main" id="{D212BFB3-6313-6986-0E44-1E6757FEA4A7}"/>
                </a:ext>
              </a:extLst>
            </p:cNvPr>
            <p:cNvSpPr txBox="1"/>
            <p:nvPr/>
          </p:nvSpPr>
          <p:spPr>
            <a:xfrm>
              <a:off x="831050" y="5430923"/>
              <a:ext cx="632191"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spc="-8">
                  <a:solidFill>
                    <a:srgbClr val="1F497E"/>
                  </a:solidFill>
                  <a:latin typeface="Calibri" panose="020F0502020204030204" pitchFamily="34" charset="0"/>
                </a:rPr>
                <a:t>07/01/2022</a:t>
              </a:r>
            </a:p>
          </p:txBody>
        </p:sp>
        <p:sp>
          <p:nvSpPr>
            <p:cNvPr id="158" name="OTLSHAPE_T_24bcee9279bc4506bcf2c1a8a88cdd85_EndDate">
              <a:extLst>
                <a:ext uri="{FF2B5EF4-FFF2-40B4-BE49-F238E27FC236}">
                  <a16:creationId xmlns:a16="http://schemas.microsoft.com/office/drawing/2014/main" id="{D84F9923-341E-6D65-4960-B0880C44C66F}"/>
                </a:ext>
              </a:extLst>
            </p:cNvPr>
            <p:cNvSpPr txBox="1"/>
            <p:nvPr/>
          </p:nvSpPr>
          <p:spPr>
            <a:xfrm>
              <a:off x="2732548" y="5430923"/>
              <a:ext cx="6223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spc="-8">
                  <a:solidFill>
                    <a:srgbClr val="1F497E"/>
                  </a:solidFill>
                  <a:latin typeface="Calibri" panose="020F0502020204030204" pitchFamily="34" charset="0"/>
                </a:rPr>
                <a:t>08/24/2022</a:t>
              </a:r>
            </a:p>
          </p:txBody>
        </p:sp>
        <p:sp>
          <p:nvSpPr>
            <p:cNvPr id="159" name="OTLSHAPE_T_24bcee9279bc4506bcf2c1a8a88cdd85_Title">
              <a:extLst>
                <a:ext uri="{FF2B5EF4-FFF2-40B4-BE49-F238E27FC236}">
                  <a16:creationId xmlns:a16="http://schemas.microsoft.com/office/drawing/2014/main" id="{D943D78F-95DC-A0CB-C8F0-79DB7CFEDB01}"/>
                </a:ext>
              </a:extLst>
            </p:cNvPr>
            <p:cNvSpPr txBox="1"/>
            <p:nvPr/>
          </p:nvSpPr>
          <p:spPr>
            <a:xfrm>
              <a:off x="1540138" y="5433302"/>
              <a:ext cx="1143000" cy="170519"/>
            </a:xfrm>
            <a:prstGeom prst="rect">
              <a:avLst/>
            </a:prstGeom>
            <a:solidFill>
              <a:srgbClr val="21A4FF"/>
            </a:solidFill>
            <a:ln>
              <a:solidFill>
                <a:srgbClr val="21A4FF"/>
              </a:solidFill>
            </a:ln>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100" b="1" spc="-4">
                  <a:solidFill>
                    <a:schemeClr val="dk1"/>
                  </a:solidFill>
                  <a:latin typeface="Calibri" panose="020F0502020204030204" pitchFamily="34" charset="0"/>
                </a:rPr>
                <a:t>TDSP Major Update</a:t>
              </a:r>
            </a:p>
          </p:txBody>
        </p:sp>
        <p:sp>
          <p:nvSpPr>
            <p:cNvPr id="160" name="OTLSHAPE_T_ccc00617a8c9482ab2ea23d4ad4dd7fc_Shape">
              <a:extLst>
                <a:ext uri="{FF2B5EF4-FFF2-40B4-BE49-F238E27FC236}">
                  <a16:creationId xmlns:a16="http://schemas.microsoft.com/office/drawing/2014/main" id="{AA69A450-8C6F-39BA-57D2-2501E49177D1}"/>
                </a:ext>
              </a:extLst>
            </p:cNvPr>
            <p:cNvSpPr/>
            <p:nvPr/>
          </p:nvSpPr>
          <p:spPr>
            <a:xfrm>
              <a:off x="7560541" y="5364798"/>
              <a:ext cx="2768600" cy="203200"/>
            </a:xfrm>
            <a:prstGeom prst="round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61" name="OTLSHAPE_T_ccc00617a8c9482ab2ea23d4ad4dd7fc_StartDate">
              <a:extLst>
                <a:ext uri="{FF2B5EF4-FFF2-40B4-BE49-F238E27FC236}">
                  <a16:creationId xmlns:a16="http://schemas.microsoft.com/office/drawing/2014/main" id="{4D0C9FAF-F2EA-1262-091E-6A411FF4205B}"/>
                </a:ext>
              </a:extLst>
            </p:cNvPr>
            <p:cNvSpPr txBox="1"/>
            <p:nvPr/>
          </p:nvSpPr>
          <p:spPr>
            <a:xfrm>
              <a:off x="6960343" y="5396632"/>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spc="-8">
                  <a:solidFill>
                    <a:srgbClr val="1F497E"/>
                  </a:solidFill>
                  <a:latin typeface="Calibri"/>
                  <a:cs typeface="Calibri"/>
                </a:rPr>
                <a:t>2/22/2023</a:t>
              </a:r>
            </a:p>
          </p:txBody>
        </p:sp>
        <p:sp>
          <p:nvSpPr>
            <p:cNvPr id="162" name="OTLSHAPE_T_ccc00617a8c9482ab2ea23d4ad4dd7fc_EndDate">
              <a:extLst>
                <a:ext uri="{FF2B5EF4-FFF2-40B4-BE49-F238E27FC236}">
                  <a16:creationId xmlns:a16="http://schemas.microsoft.com/office/drawing/2014/main" id="{3751CE19-D9E6-5997-3730-5B1A8F696E6C}"/>
                </a:ext>
              </a:extLst>
            </p:cNvPr>
            <p:cNvSpPr txBox="1"/>
            <p:nvPr/>
          </p:nvSpPr>
          <p:spPr>
            <a:xfrm>
              <a:off x="10370539" y="5388886"/>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000" spc="-8">
                  <a:solidFill>
                    <a:srgbClr val="1F497E"/>
                  </a:solidFill>
                  <a:latin typeface="Calibri"/>
                  <a:cs typeface="Calibri"/>
                </a:rPr>
                <a:t>5/24/2023</a:t>
              </a:r>
            </a:p>
          </p:txBody>
        </p:sp>
        <p:sp>
          <p:nvSpPr>
            <p:cNvPr id="163" name="OTLSHAPE_T_ccc00617a8c9482ab2ea23d4ad4dd7fc_Title">
              <a:extLst>
                <a:ext uri="{FF2B5EF4-FFF2-40B4-BE49-F238E27FC236}">
                  <a16:creationId xmlns:a16="http://schemas.microsoft.com/office/drawing/2014/main" id="{5F63C1AF-D8E2-3E92-1D08-C2324C75E7BD}"/>
                </a:ext>
              </a:extLst>
            </p:cNvPr>
            <p:cNvSpPr txBox="1"/>
            <p:nvPr/>
          </p:nvSpPr>
          <p:spPr>
            <a:xfrm>
              <a:off x="8513865" y="5381138"/>
              <a:ext cx="8636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100" b="1" spc="-10">
                  <a:solidFill>
                    <a:schemeClr val="dk1"/>
                  </a:solidFill>
                  <a:latin typeface="Calibri" panose="020F0502020204030204" pitchFamily="34" charset="0"/>
                </a:rPr>
                <a:t>CTC Evaluation</a:t>
              </a:r>
            </a:p>
          </p:txBody>
        </p:sp>
        <p:sp>
          <p:nvSpPr>
            <p:cNvPr id="164" name="OTLSHAPE_TB_00000000000000000000000000000000_RightEndCaps">
              <a:extLst>
                <a:ext uri="{FF2B5EF4-FFF2-40B4-BE49-F238E27FC236}">
                  <a16:creationId xmlns:a16="http://schemas.microsoft.com/office/drawing/2014/main" id="{CF86A279-630E-9E3A-2000-8106270FDF60}"/>
                </a:ext>
              </a:extLst>
            </p:cNvPr>
            <p:cNvSpPr txBox="1"/>
            <p:nvPr/>
          </p:nvSpPr>
          <p:spPr>
            <a:xfrm>
              <a:off x="270816" y="4825756"/>
              <a:ext cx="448584" cy="276999"/>
            </a:xfrm>
            <a:prstGeom prst="rect">
              <a:avLst/>
            </a:prstGeom>
            <a:noFill/>
          </p:spPr>
          <p:txBody>
            <a:bodyPr vert="horz" wrap="non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b="1" spc="-38">
                  <a:solidFill>
                    <a:srgbClr val="C0504D"/>
                  </a:solidFill>
                  <a:latin typeface="Calibri" panose="020F0502020204030204" pitchFamily="34" charset="0"/>
                </a:rPr>
                <a:t>2022</a:t>
              </a:r>
            </a:p>
          </p:txBody>
        </p:sp>
      </p:grpSp>
      <p:sp>
        <p:nvSpPr>
          <p:cNvPr id="165" name="OTLSHAPE_M_21535a59df9540569025f84196d711f4_Title">
            <a:extLst>
              <a:ext uri="{FF2B5EF4-FFF2-40B4-BE49-F238E27FC236}">
                <a16:creationId xmlns:a16="http://schemas.microsoft.com/office/drawing/2014/main" id="{3631A3AA-B91E-8C36-AA48-BD0888095C71}"/>
              </a:ext>
            </a:extLst>
          </p:cNvPr>
          <p:cNvSpPr txBox="1"/>
          <p:nvPr>
            <p:custDataLst>
              <p:tags r:id="rId2"/>
            </p:custDataLst>
          </p:nvPr>
        </p:nvSpPr>
        <p:spPr>
          <a:xfrm>
            <a:off x="10391412" y="3870516"/>
            <a:ext cx="12700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CTC Evaluation Ends</a:t>
            </a:r>
          </a:p>
        </p:txBody>
      </p:sp>
      <p:sp>
        <p:nvSpPr>
          <p:cNvPr id="166" name="OTLSHAPE_M_9f860f8d65ee4aac85039f30c2ffcf33_Date">
            <a:extLst>
              <a:ext uri="{FF2B5EF4-FFF2-40B4-BE49-F238E27FC236}">
                <a16:creationId xmlns:a16="http://schemas.microsoft.com/office/drawing/2014/main" id="{081AD6FC-4C56-5B83-C321-C93C3CD575D4}"/>
              </a:ext>
            </a:extLst>
          </p:cNvPr>
          <p:cNvSpPr txBox="1"/>
          <p:nvPr/>
        </p:nvSpPr>
        <p:spPr>
          <a:xfrm>
            <a:off x="2327883" y="3655800"/>
            <a:ext cx="558800" cy="155025"/>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8/24/2022</a:t>
            </a:r>
          </a:p>
        </p:txBody>
      </p:sp>
      <p:sp>
        <p:nvSpPr>
          <p:cNvPr id="167" name="Rectangle 166">
            <a:extLst>
              <a:ext uri="{FF2B5EF4-FFF2-40B4-BE49-F238E27FC236}">
                <a16:creationId xmlns:a16="http://schemas.microsoft.com/office/drawing/2014/main" id="{9A27474C-3A05-C951-7C30-0A65F193FC6C}"/>
              </a:ext>
            </a:extLst>
          </p:cNvPr>
          <p:cNvSpPr/>
          <p:nvPr/>
        </p:nvSpPr>
        <p:spPr>
          <a:xfrm>
            <a:off x="4700511" y="3369308"/>
            <a:ext cx="1676852" cy="1992805"/>
          </a:xfrm>
          <a:prstGeom prst="rect">
            <a:avLst/>
          </a:prstGeom>
          <a:noFill/>
          <a:ln w="38100">
            <a:solidFill>
              <a:srgbClr val="F54D5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 name="OTLSHAPE_M_99d798c70a7246909196591bc2f26927_Shape">
            <a:extLst>
              <a:ext uri="{FF2B5EF4-FFF2-40B4-BE49-F238E27FC236}">
                <a16:creationId xmlns:a16="http://schemas.microsoft.com/office/drawing/2014/main" id="{A5F0CA68-05AB-7906-4CAA-E125A13DD346}"/>
              </a:ext>
            </a:extLst>
          </p:cNvPr>
          <p:cNvSpPr/>
          <p:nvPr/>
        </p:nvSpPr>
        <p:spPr>
          <a:xfrm rot="16200000">
            <a:off x="4779332" y="3432978"/>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70" name="OTLSHAPE_M_6b3c3ff01b9f4587bf3402e36d7d8c6c_Title">
            <a:extLst>
              <a:ext uri="{FF2B5EF4-FFF2-40B4-BE49-F238E27FC236}">
                <a16:creationId xmlns:a16="http://schemas.microsoft.com/office/drawing/2014/main" id="{8B9EC8F7-B38A-76FE-CC5E-E6E65B7DF2F9}"/>
              </a:ext>
            </a:extLst>
          </p:cNvPr>
          <p:cNvSpPr txBox="1"/>
          <p:nvPr/>
        </p:nvSpPr>
        <p:spPr>
          <a:xfrm>
            <a:off x="4975258" y="3449824"/>
            <a:ext cx="12446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8">
                <a:solidFill>
                  <a:schemeClr val="dk1"/>
                </a:solidFill>
                <a:latin typeface="Calibri" panose="020F0502020204030204" pitchFamily="34" charset="0"/>
              </a:rPr>
              <a:t>LCB Member Training</a:t>
            </a:r>
          </a:p>
        </p:txBody>
      </p:sp>
      <p:sp>
        <p:nvSpPr>
          <p:cNvPr id="172" name="OTLSHAPE_M_6b3c3ff01b9f4587bf3402e36d7d8c6c_Date">
            <a:extLst>
              <a:ext uri="{FF2B5EF4-FFF2-40B4-BE49-F238E27FC236}">
                <a16:creationId xmlns:a16="http://schemas.microsoft.com/office/drawing/2014/main" id="{AE64993D-1879-CCD9-8478-6A5EE83E26C7}"/>
              </a:ext>
            </a:extLst>
          </p:cNvPr>
          <p:cNvSpPr txBox="1"/>
          <p:nvPr/>
        </p:nvSpPr>
        <p:spPr>
          <a:xfrm>
            <a:off x="4975258" y="3627830"/>
            <a:ext cx="688705" cy="153888"/>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spc="-8">
                <a:solidFill>
                  <a:srgbClr val="1F497E"/>
                </a:solidFill>
                <a:latin typeface="Calibri" panose="020F0502020204030204" pitchFamily="34" charset="0"/>
              </a:rPr>
              <a:t>11/16/2022</a:t>
            </a:r>
          </a:p>
        </p:txBody>
      </p:sp>
    </p:spTree>
    <p:extLst>
      <p:ext uri="{BB962C8B-B14F-4D97-AF65-F5344CB8AC3E}">
        <p14:creationId xmlns:p14="http://schemas.microsoft.com/office/powerpoint/2010/main" val="12372544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4769708" y="2107992"/>
            <a:ext cx="7422292" cy="2387600"/>
          </a:xfrm>
        </p:spPr>
        <p:txBody>
          <a:bodyPr anchor="ctr">
            <a:normAutofit/>
          </a:bodyPr>
          <a:lstStyle/>
          <a:p>
            <a:r>
              <a:rPr lang="en-US" sz="4000" dirty="0">
                <a:latin typeface="Tahoma" panose="020B0604030504040204" pitchFamily="34" charset="0"/>
                <a:ea typeface="Tahoma" panose="020B0604030504040204" pitchFamily="34" charset="0"/>
                <a:cs typeface="Tahoma" panose="020B0604030504040204" pitchFamily="34" charset="0"/>
              </a:rPr>
              <a:t>Thank you!</a:t>
            </a:r>
          </a:p>
        </p:txBody>
      </p:sp>
    </p:spTree>
    <p:extLst>
      <p:ext uri="{BB962C8B-B14F-4D97-AF65-F5344CB8AC3E}">
        <p14:creationId xmlns:p14="http://schemas.microsoft.com/office/powerpoint/2010/main" val="63347045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a:latin typeface="Tahoma" panose="020B0604030504040204" pitchFamily="34" charset="0"/>
                <a:ea typeface="Tahoma" panose="020B0604030504040204" pitchFamily="34" charset="0"/>
                <a:cs typeface="Tahoma" panose="020B0604030504040204" pitchFamily="34" charset="0"/>
              </a:rPr>
              <a:t>Transportation Disadvantaged Program</a:t>
            </a:r>
            <a:endParaRPr lang="en-US"/>
          </a:p>
        </p:txBody>
      </p:sp>
      <p:graphicFrame>
        <p:nvGraphicFramePr>
          <p:cNvPr id="7" name="Table 6">
            <a:extLst>
              <a:ext uri="{FF2B5EF4-FFF2-40B4-BE49-F238E27FC236}">
                <a16:creationId xmlns:a16="http://schemas.microsoft.com/office/drawing/2014/main" id="{448056AE-94DE-BB1A-C3EC-84792FDC3767}"/>
              </a:ext>
            </a:extLst>
          </p:cNvPr>
          <p:cNvGraphicFramePr>
            <a:graphicFrameLocks noGrp="1"/>
          </p:cNvGraphicFramePr>
          <p:nvPr/>
        </p:nvGraphicFramePr>
        <p:xfrm>
          <a:off x="418681" y="1715769"/>
          <a:ext cx="11354638" cy="4352971"/>
        </p:xfrm>
        <a:graphic>
          <a:graphicData uri="http://schemas.openxmlformats.org/drawingml/2006/table">
            <a:tbl>
              <a:tblPr firstRow="1" bandRow="1"/>
              <a:tblGrid>
                <a:gridCol w="1357868">
                  <a:extLst>
                    <a:ext uri="{9D8B030D-6E8A-4147-A177-3AD203B41FA5}">
                      <a16:colId xmlns:a16="http://schemas.microsoft.com/office/drawing/2014/main" val="1567316850"/>
                    </a:ext>
                  </a:extLst>
                </a:gridCol>
                <a:gridCol w="2426315">
                  <a:extLst>
                    <a:ext uri="{9D8B030D-6E8A-4147-A177-3AD203B41FA5}">
                      <a16:colId xmlns:a16="http://schemas.microsoft.com/office/drawing/2014/main" val="3068148771"/>
                    </a:ext>
                  </a:extLst>
                </a:gridCol>
                <a:gridCol w="2523485">
                  <a:extLst>
                    <a:ext uri="{9D8B030D-6E8A-4147-A177-3AD203B41FA5}">
                      <a16:colId xmlns:a16="http://schemas.microsoft.com/office/drawing/2014/main" val="2973924397"/>
                    </a:ext>
                  </a:extLst>
                </a:gridCol>
                <a:gridCol w="2523485">
                  <a:extLst>
                    <a:ext uri="{9D8B030D-6E8A-4147-A177-3AD203B41FA5}">
                      <a16:colId xmlns:a16="http://schemas.microsoft.com/office/drawing/2014/main" val="3591670613"/>
                    </a:ext>
                  </a:extLst>
                </a:gridCol>
                <a:gridCol w="2523485">
                  <a:extLst>
                    <a:ext uri="{9D8B030D-6E8A-4147-A177-3AD203B41FA5}">
                      <a16:colId xmlns:a16="http://schemas.microsoft.com/office/drawing/2014/main" val="958328357"/>
                    </a:ext>
                  </a:extLst>
                </a:gridCol>
              </a:tblGrid>
              <a:tr h="1680483">
                <a:tc>
                  <a:txBody>
                    <a:bodyPr/>
                    <a:lstStyle/>
                    <a:p>
                      <a:pPr algn="ctr"/>
                      <a:endParaRPr lang="en-US" sz="2000" b="1">
                        <a:solidFill>
                          <a:schemeClr val="tx1">
                            <a:lumMod val="65000"/>
                            <a:lumOff val="35000"/>
                          </a:schemeClr>
                        </a:solidFill>
                        <a:latin typeface="Trebuchet MS" panose="020B0603020202020204" pitchFamily="34" charset="0"/>
                      </a:endParaRPr>
                    </a:p>
                  </a:txBody>
                  <a:tcPr anchor="ctr">
                    <a:lnL w="12700" cmpd="sng">
                      <a:noFill/>
                      <a:prstDash val="solid"/>
                    </a:lnL>
                    <a:lnR w="12700" cap="flat" cmpd="sng" algn="ctr">
                      <a:solidFill>
                        <a:schemeClr val="tx1"/>
                      </a:solidFill>
                      <a:prstDash val="solid"/>
                      <a:round/>
                      <a:headEnd type="none" w="med" len="med"/>
                      <a:tailEnd type="none" w="med" len="med"/>
                    </a:lnR>
                    <a:lnT w="12700" cmpd="sng">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US" sz="2000" b="1">
                        <a:solidFill>
                          <a:srgbClr val="6C6D70"/>
                        </a:solidFill>
                        <a:latin typeface="Tahoma" panose="020B0604030504040204" pitchFamily="34" charset="0"/>
                        <a:ea typeface="Tahoma" panose="020B0604030504040204" pitchFamily="34" charset="0"/>
                        <a:cs typeface="Tahoma" panose="020B0604030504040204" pitchFamily="34" charset="0"/>
                      </a:endParaRPr>
                    </a:p>
                    <a:p>
                      <a:pPr algn="ctr"/>
                      <a:endParaRPr lang="en-US" sz="2000" b="1">
                        <a:solidFill>
                          <a:srgbClr val="6C6D70"/>
                        </a:solidFill>
                        <a:latin typeface="Tahoma" panose="020B0604030504040204" pitchFamily="34" charset="0"/>
                        <a:ea typeface="Tahoma" panose="020B0604030504040204" pitchFamily="34" charset="0"/>
                        <a:cs typeface="Tahoma" panose="020B0604030504040204" pitchFamily="34" charset="0"/>
                      </a:endParaRPr>
                    </a:p>
                    <a:p>
                      <a:pPr algn="ctr"/>
                      <a:r>
                        <a:rPr lang="en-US" sz="2000" b="1">
                          <a:solidFill>
                            <a:srgbClr val="6C6D70"/>
                          </a:solidFill>
                          <a:latin typeface="Tahoma" panose="020B0604030504040204" pitchFamily="34" charset="0"/>
                          <a:ea typeface="Tahoma" panose="020B0604030504040204" pitchFamily="34" charset="0"/>
                          <a:cs typeface="Tahoma" panose="020B0604030504040204" pitchFamily="34" charset="0"/>
                        </a:rPr>
                        <a:t>Commission for Transportation Disadvantaged</a:t>
                      </a:r>
                      <a:endParaRPr lang="en-US" sz="2000" b="1" dirty="0">
                        <a:solidFill>
                          <a:srgbClr val="6C6D70"/>
                        </a:solidFill>
                        <a:latin typeface="Tahoma" panose="020B0604030504040204" pitchFamily="34" charset="0"/>
                        <a:ea typeface="Tahoma" panose="020B0604030504040204" pitchFamily="34" charset="0"/>
                        <a:cs typeface="Tahoma" panose="020B0604030504040204" pitchFamily="34" charset="0"/>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US" sz="2000" b="1">
                        <a:solidFill>
                          <a:srgbClr val="6C6D70"/>
                        </a:solidFill>
                        <a:latin typeface="Tahoma" panose="020B0604030504040204" pitchFamily="34" charset="0"/>
                        <a:ea typeface="Tahoma" panose="020B0604030504040204" pitchFamily="34" charset="0"/>
                        <a:cs typeface="Tahoma" panose="020B0604030504040204" pitchFamily="34" charset="0"/>
                      </a:endParaRPr>
                    </a:p>
                    <a:p>
                      <a:pPr algn="ctr"/>
                      <a:endParaRPr lang="en-US" sz="2000" b="1">
                        <a:solidFill>
                          <a:srgbClr val="6C6D70"/>
                        </a:solidFill>
                        <a:latin typeface="Tahoma" panose="020B0604030504040204" pitchFamily="34" charset="0"/>
                        <a:ea typeface="Tahoma" panose="020B0604030504040204" pitchFamily="34" charset="0"/>
                        <a:cs typeface="Tahoma" panose="020B0604030504040204" pitchFamily="34" charset="0"/>
                      </a:endParaRPr>
                    </a:p>
                    <a:p>
                      <a:pPr algn="ctr"/>
                      <a:r>
                        <a:rPr lang="en-US" sz="2000" b="1">
                          <a:solidFill>
                            <a:srgbClr val="6C6D70"/>
                          </a:solidFill>
                          <a:latin typeface="Tahoma" panose="020B0604030504040204" pitchFamily="34" charset="0"/>
                          <a:ea typeface="Tahoma" panose="020B0604030504040204" pitchFamily="34" charset="0"/>
                          <a:cs typeface="Tahoma" panose="020B0604030504040204" pitchFamily="34" charset="0"/>
                        </a:rPr>
                        <a:t>Designated Official Planning Agency</a:t>
                      </a:r>
                      <a:endParaRPr lang="en-US" sz="2000" b="1" dirty="0">
                        <a:solidFill>
                          <a:srgbClr val="6C6D70"/>
                        </a:solidFill>
                        <a:latin typeface="Tahoma" panose="020B0604030504040204" pitchFamily="34" charset="0"/>
                        <a:ea typeface="Tahoma" panose="020B0604030504040204" pitchFamily="34" charset="0"/>
                        <a:cs typeface="Tahoma" panose="020B0604030504040204" pitchFamily="34" charset="0"/>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US" sz="2000" b="1">
                        <a:solidFill>
                          <a:srgbClr val="6C6D70"/>
                        </a:solidFill>
                        <a:latin typeface="Tahoma" panose="020B0604030504040204" pitchFamily="34" charset="0"/>
                        <a:ea typeface="Tahoma" panose="020B0604030504040204" pitchFamily="34" charset="0"/>
                        <a:cs typeface="Tahoma" panose="020B0604030504040204" pitchFamily="34" charset="0"/>
                      </a:endParaRPr>
                    </a:p>
                    <a:p>
                      <a:pPr algn="ctr"/>
                      <a:endParaRPr lang="en-US" sz="2000" b="1">
                        <a:solidFill>
                          <a:srgbClr val="6C6D70"/>
                        </a:solidFill>
                        <a:latin typeface="Tahoma" panose="020B0604030504040204" pitchFamily="34" charset="0"/>
                        <a:ea typeface="Tahoma" panose="020B0604030504040204" pitchFamily="34" charset="0"/>
                        <a:cs typeface="Tahoma" panose="020B0604030504040204" pitchFamily="34" charset="0"/>
                      </a:endParaRPr>
                    </a:p>
                    <a:p>
                      <a:pPr algn="ctr"/>
                      <a:r>
                        <a:rPr lang="en-US" sz="2000" b="1">
                          <a:solidFill>
                            <a:srgbClr val="6C6D70"/>
                          </a:solidFill>
                          <a:latin typeface="Tahoma" panose="020B0604030504040204" pitchFamily="34" charset="0"/>
                          <a:ea typeface="Tahoma" panose="020B0604030504040204" pitchFamily="34" charset="0"/>
                          <a:cs typeface="Tahoma" panose="020B0604030504040204" pitchFamily="34" charset="0"/>
                        </a:rPr>
                        <a:t>Community Transportation Coordinator </a:t>
                      </a:r>
                      <a:endParaRPr lang="en-US" sz="2000" b="1" dirty="0">
                        <a:solidFill>
                          <a:srgbClr val="6C6D70"/>
                        </a:solidFill>
                        <a:latin typeface="Tahoma" panose="020B0604030504040204" pitchFamily="34" charset="0"/>
                        <a:ea typeface="Tahoma" panose="020B0604030504040204" pitchFamily="34" charset="0"/>
                        <a:cs typeface="Tahoma" panose="020B0604030504040204" pitchFamily="34" charset="0"/>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US" sz="2000" b="1">
                        <a:solidFill>
                          <a:srgbClr val="6C6D70"/>
                        </a:solidFill>
                        <a:latin typeface="Tahoma" panose="020B0604030504040204" pitchFamily="34" charset="0"/>
                        <a:ea typeface="Tahoma" panose="020B0604030504040204" pitchFamily="34" charset="0"/>
                        <a:cs typeface="Tahoma" panose="020B0604030504040204" pitchFamily="34" charset="0"/>
                      </a:endParaRPr>
                    </a:p>
                    <a:p>
                      <a:pPr algn="ctr"/>
                      <a:endParaRPr lang="en-US" sz="2000" b="1">
                        <a:solidFill>
                          <a:srgbClr val="6C6D70"/>
                        </a:solidFill>
                        <a:latin typeface="Tahoma" panose="020B0604030504040204" pitchFamily="34" charset="0"/>
                        <a:ea typeface="Tahoma" panose="020B0604030504040204" pitchFamily="34" charset="0"/>
                        <a:cs typeface="Tahoma" panose="020B0604030504040204" pitchFamily="34" charset="0"/>
                      </a:endParaRPr>
                    </a:p>
                    <a:p>
                      <a:pPr algn="ctr"/>
                      <a:r>
                        <a:rPr lang="en-US" sz="2000" b="1">
                          <a:solidFill>
                            <a:srgbClr val="6C6D70"/>
                          </a:solidFill>
                          <a:latin typeface="Tahoma" panose="020B0604030504040204" pitchFamily="34" charset="0"/>
                          <a:ea typeface="Tahoma" panose="020B0604030504040204" pitchFamily="34" charset="0"/>
                          <a:cs typeface="Tahoma" panose="020B0604030504040204" pitchFamily="34" charset="0"/>
                        </a:rPr>
                        <a:t>Local Coordinating Board</a:t>
                      </a:r>
                      <a:endParaRPr lang="en-US" sz="2000" b="1" dirty="0">
                        <a:solidFill>
                          <a:srgbClr val="6C6D70"/>
                        </a:solidFill>
                        <a:latin typeface="Tahoma" panose="020B0604030504040204" pitchFamily="34" charset="0"/>
                        <a:ea typeface="Tahoma" panose="020B0604030504040204" pitchFamily="34" charset="0"/>
                        <a:cs typeface="Tahoma" panose="020B0604030504040204" pitchFamily="34" charset="0"/>
                      </a:endParaRPr>
                    </a:p>
                  </a:txBody>
                  <a:tcPr anchor="ctr">
                    <a:lnL w="12700" cap="flat" cmpd="sng" algn="ctr">
                      <a:solidFill>
                        <a:schemeClr val="tx1"/>
                      </a:solidFill>
                      <a:prstDash val="solid"/>
                      <a:round/>
                      <a:headEnd type="none" w="med" len="med"/>
                      <a:tailEnd type="none" w="med" len="med"/>
                    </a:lnL>
                    <a:lnR w="12700" cmpd="sng">
                      <a:noFill/>
                      <a:prstDash val="solid"/>
                    </a:lnR>
                    <a:lnT w="12700" cmpd="sng">
                      <a:noFill/>
                      <a:prstDash val="soli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687529586"/>
                  </a:ext>
                </a:extLst>
              </a:tr>
              <a:tr h="747688">
                <a:tc>
                  <a:txBody>
                    <a:bodyPr/>
                    <a:lstStyle/>
                    <a:p>
                      <a:pPr algn="ctr"/>
                      <a:r>
                        <a:rPr lang="en-US" sz="2000" b="1">
                          <a:solidFill>
                            <a:srgbClr val="6C6D70"/>
                          </a:solidFill>
                          <a:latin typeface="Tahoma" panose="020B0604030504040204" pitchFamily="34" charset="0"/>
                          <a:ea typeface="Tahoma" panose="020B0604030504040204" pitchFamily="34" charset="0"/>
                          <a:cs typeface="Tahoma" panose="020B0604030504040204" pitchFamily="34" charset="0"/>
                        </a:rPr>
                        <a:t>Acronym</a:t>
                      </a:r>
                    </a:p>
                  </a:txBody>
                  <a:tcPr anchor="ctr">
                    <a:lnL w="12700" cmpd="sng">
                      <a:noFill/>
                      <a:prstDash val="soli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mpd="sng">
                      <a:noFill/>
                      <a:prstDash val="solid"/>
                    </a:lnB>
                    <a:lnTlToBr w="12700" cmpd="sng">
                      <a:noFill/>
                      <a:prstDash val="solid"/>
                    </a:lnTlToBr>
                    <a:lnBlToTr w="12700" cmpd="sng">
                      <a:noFill/>
                      <a:prstDash val="solid"/>
                    </a:lnBlToTr>
                  </a:tcPr>
                </a:tc>
                <a:tc>
                  <a:txBody>
                    <a:bodyPr/>
                    <a:lstStyle/>
                    <a:p>
                      <a:pPr marL="0" algn="ctr" defTabSz="914400" rtl="0" eaLnBrk="1" latinLnBrk="0" hangingPunct="1"/>
                      <a:r>
                        <a:rPr lang="en-US" sz="4000" b="1" kern="1200" dirty="0">
                          <a:solidFill>
                            <a:schemeClr val="tx1">
                              <a:lumMod val="65000"/>
                              <a:lumOff val="35000"/>
                            </a:schemeClr>
                          </a:solidFill>
                          <a:latin typeface="Tahoma" panose="020B0604030504040204" pitchFamily="34" charset="0"/>
                          <a:ea typeface="Tahoma" panose="020B0604030504040204" pitchFamily="34" charset="0"/>
                          <a:cs typeface="Tahoma" panose="020B0604030504040204" pitchFamily="34" charset="0"/>
                        </a:rPr>
                        <a:t>CTD</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mpd="sng">
                      <a:noFill/>
                      <a:prstDash val="solid"/>
                    </a:lnB>
                    <a:lnTlToBr w="12700" cmpd="sng">
                      <a:noFill/>
                      <a:prstDash val="solid"/>
                    </a:lnTlToBr>
                    <a:lnBlToTr w="12700" cmpd="sng">
                      <a:noFill/>
                      <a:prstDash val="solid"/>
                    </a:lnBlToTr>
                  </a:tcPr>
                </a:tc>
                <a:tc>
                  <a:txBody>
                    <a:bodyPr/>
                    <a:lstStyle/>
                    <a:p>
                      <a:pPr marL="0" algn="ctr" defTabSz="914400" rtl="0" eaLnBrk="1" latinLnBrk="0" hangingPunct="1"/>
                      <a:r>
                        <a:rPr lang="en-US" sz="4000" b="1" kern="1200" dirty="0">
                          <a:solidFill>
                            <a:schemeClr val="tx1">
                              <a:lumMod val="65000"/>
                              <a:lumOff val="35000"/>
                            </a:schemeClr>
                          </a:solidFill>
                          <a:latin typeface="Tahoma" panose="020B0604030504040204" pitchFamily="34" charset="0"/>
                          <a:ea typeface="Tahoma" panose="020B0604030504040204" pitchFamily="34" charset="0"/>
                          <a:cs typeface="Tahoma" panose="020B0604030504040204" pitchFamily="34" charset="0"/>
                        </a:rPr>
                        <a:t>DOPA</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mpd="sng">
                      <a:noFill/>
                      <a:prstDash val="solid"/>
                    </a:lnB>
                    <a:lnTlToBr w="12700" cmpd="sng">
                      <a:noFill/>
                      <a:prstDash val="solid"/>
                    </a:lnTlToBr>
                    <a:lnBlToTr w="12700" cmpd="sng">
                      <a:noFill/>
                      <a:prstDash val="solid"/>
                    </a:lnBlToTr>
                  </a:tcPr>
                </a:tc>
                <a:tc>
                  <a:txBody>
                    <a:bodyPr/>
                    <a:lstStyle/>
                    <a:p>
                      <a:pPr marL="0" algn="ctr" defTabSz="914400" rtl="0" eaLnBrk="1" latinLnBrk="0" hangingPunct="1"/>
                      <a:r>
                        <a:rPr lang="en-US" sz="4000" b="1" kern="1200" dirty="0">
                          <a:solidFill>
                            <a:schemeClr val="tx1">
                              <a:lumMod val="65000"/>
                              <a:lumOff val="35000"/>
                            </a:schemeClr>
                          </a:solidFill>
                          <a:latin typeface="Tahoma" panose="020B0604030504040204" pitchFamily="34" charset="0"/>
                          <a:ea typeface="Tahoma" panose="020B0604030504040204" pitchFamily="34" charset="0"/>
                          <a:cs typeface="Tahoma" panose="020B0604030504040204" pitchFamily="34" charset="0"/>
                        </a:rPr>
                        <a:t>CTC</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mpd="sng">
                      <a:noFill/>
                      <a:prstDash val="solid"/>
                    </a:lnB>
                    <a:lnTlToBr w="12700" cmpd="sng">
                      <a:noFill/>
                      <a:prstDash val="solid"/>
                    </a:lnTlToBr>
                    <a:lnBlToTr w="12700" cmpd="sng">
                      <a:noFill/>
                      <a:prstDash val="solid"/>
                    </a:lnBlToTr>
                  </a:tcPr>
                </a:tc>
                <a:tc>
                  <a:txBody>
                    <a:bodyPr/>
                    <a:lstStyle/>
                    <a:p>
                      <a:pPr marL="0" algn="ctr" defTabSz="914400" rtl="0" eaLnBrk="1" latinLnBrk="0" hangingPunct="1"/>
                      <a:r>
                        <a:rPr lang="en-US" sz="4000" b="1" kern="1200" dirty="0">
                          <a:solidFill>
                            <a:schemeClr val="tx1">
                              <a:lumMod val="65000"/>
                              <a:lumOff val="35000"/>
                            </a:schemeClr>
                          </a:solidFill>
                          <a:latin typeface="Tahoma" panose="020B0604030504040204" pitchFamily="34" charset="0"/>
                          <a:ea typeface="Tahoma" panose="020B0604030504040204" pitchFamily="34" charset="0"/>
                          <a:cs typeface="Tahoma" panose="020B0604030504040204" pitchFamily="34" charset="0"/>
                        </a:rPr>
                        <a:t>LCB</a:t>
                      </a:r>
                    </a:p>
                  </a:txBody>
                  <a:tcPr anchor="ctr">
                    <a:lnL w="12700" cap="flat" cmpd="sng" algn="ctr">
                      <a:solidFill>
                        <a:schemeClr val="tx1"/>
                      </a:solidFill>
                      <a:prstDash val="solid"/>
                      <a:round/>
                      <a:headEnd type="none" w="med" len="med"/>
                      <a:tailEnd type="none" w="med" len="med"/>
                    </a:lnL>
                    <a:lnR w="12700" cmpd="sng">
                      <a:noFill/>
                      <a:prstDash val="solid"/>
                    </a:lnR>
                    <a:lnT w="12700" cap="flat" cmpd="sng" algn="ctr">
                      <a:solidFill>
                        <a:schemeClr val="tx1"/>
                      </a:solidFill>
                      <a:prstDash val="solid"/>
                      <a:round/>
                      <a:headEnd type="none" w="med" len="med"/>
                      <a:tailEnd type="none" w="med" len="med"/>
                    </a:lnT>
                    <a:lnB w="12700" cmpd="sng">
                      <a:noFill/>
                      <a:prstDash val="solid"/>
                    </a:lnB>
                    <a:lnTlToBr w="12700" cmpd="sng">
                      <a:noFill/>
                      <a:prstDash val="solid"/>
                    </a:lnTlToBr>
                    <a:lnBlToTr w="12700" cmpd="sng">
                      <a:noFill/>
                      <a:prstDash val="solid"/>
                    </a:lnBlToTr>
                  </a:tcPr>
                </a:tc>
                <a:extLst>
                  <a:ext uri="{0D108BD9-81ED-4DB2-BD59-A6C34878D82A}">
                    <a16:rowId xmlns:a16="http://schemas.microsoft.com/office/drawing/2014/main" val="2126238291"/>
                  </a:ext>
                </a:extLst>
              </a:tr>
              <a:tr h="1924800">
                <a:tc>
                  <a:txBody>
                    <a:bodyPr/>
                    <a:lstStyle/>
                    <a:p>
                      <a:pPr algn="ctr"/>
                      <a:r>
                        <a:rPr lang="en-US" sz="2000" b="1">
                          <a:solidFill>
                            <a:srgbClr val="6C6D70"/>
                          </a:solidFill>
                          <a:latin typeface="Tahoma" panose="020B0604030504040204" pitchFamily="34" charset="0"/>
                          <a:ea typeface="Tahoma" panose="020B0604030504040204" pitchFamily="34" charset="0"/>
                          <a:cs typeface="Tahoma" panose="020B0604030504040204" pitchFamily="34" charset="0"/>
                        </a:rPr>
                        <a:t>Purpose</a:t>
                      </a:r>
                    </a:p>
                  </a:txBody>
                  <a:tcPr anchor="ctr">
                    <a:lnL w="12700" cmpd="sng">
                      <a:noFill/>
                      <a:prstDash val="solid"/>
                    </a:lnL>
                    <a:lnR w="12700" cap="flat" cmpd="sng" algn="ctr">
                      <a:solidFill>
                        <a:schemeClr val="tx1"/>
                      </a:solidFill>
                      <a:prstDash val="solid"/>
                      <a:round/>
                      <a:headEnd type="none" w="med" len="med"/>
                      <a:tailEnd type="none" w="med" len="med"/>
                    </a:lnR>
                    <a:lnT w="12700" cmpd="sng">
                      <a:noFill/>
                      <a:prstDash val="solid"/>
                    </a:lnT>
                    <a:lnB w="12700" cmpd="sng">
                      <a:noFill/>
                      <a:prstDash val="solid"/>
                    </a:lnB>
                    <a:lnTlToBr w="12700" cmpd="sng">
                      <a:noFill/>
                      <a:prstDash val="solid"/>
                    </a:lnTlToBr>
                    <a:lnBlToTr w="12700" cmpd="sng">
                      <a:noFill/>
                      <a:prstDash val="solid"/>
                    </a:lnBlToTr>
                  </a:tcPr>
                </a:tc>
                <a:tc>
                  <a:txBody>
                    <a:bodyPr/>
                    <a:lstStyle/>
                    <a:p>
                      <a:pPr algn="ctr"/>
                      <a:r>
                        <a:rPr lang="en-US" sz="2000" dirty="0">
                          <a:solidFill>
                            <a:schemeClr val="tx1">
                              <a:lumMod val="65000"/>
                              <a:lumOff val="35000"/>
                            </a:schemeClr>
                          </a:solidFill>
                          <a:latin typeface="Tahoma" panose="020B0604030504040204" pitchFamily="34" charset="0"/>
                          <a:ea typeface="Tahoma" panose="020B0604030504040204" pitchFamily="34" charset="0"/>
                          <a:cs typeface="Tahoma" panose="020B0604030504040204" pitchFamily="34" charset="0"/>
                        </a:rPr>
                        <a:t>Coordinates TD transportation service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noFill/>
                      <a:prstDash val="solid"/>
                    </a:lnT>
                    <a:lnB w="12700" cmpd="sng">
                      <a:noFill/>
                      <a:prstDash val="solid"/>
                    </a:lnB>
                    <a:lnTlToBr w="12700" cmpd="sng">
                      <a:noFill/>
                      <a:prstDash val="solid"/>
                    </a:lnTlToBr>
                    <a:lnBlToTr w="12700" cmpd="sng">
                      <a:noFill/>
                      <a:prstDash val="solid"/>
                    </a:lnBlToTr>
                  </a:tcPr>
                </a:tc>
                <a:tc>
                  <a:txBody>
                    <a:bodyPr/>
                    <a:lstStyle/>
                    <a:p>
                      <a:pPr algn="ctr"/>
                      <a:r>
                        <a:rPr lang="en-US" sz="2000">
                          <a:solidFill>
                            <a:schemeClr val="tx1">
                              <a:lumMod val="65000"/>
                              <a:lumOff val="35000"/>
                            </a:schemeClr>
                          </a:solidFill>
                          <a:latin typeface="Tahoma" panose="020B0604030504040204" pitchFamily="34" charset="0"/>
                          <a:ea typeface="Tahoma" panose="020B0604030504040204" pitchFamily="34" charset="0"/>
                          <a:cs typeface="Tahoma" panose="020B0604030504040204" pitchFamily="34" charset="0"/>
                        </a:rPr>
                        <a:t>Assists CTD at local level</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noFill/>
                      <a:prstDash val="solid"/>
                    </a:lnT>
                    <a:lnB w="12700" cmpd="sng">
                      <a:noFill/>
                      <a:prstDash val="solid"/>
                    </a:lnB>
                    <a:lnTlToBr w="12700" cmpd="sng">
                      <a:noFill/>
                      <a:prstDash val="solid"/>
                    </a:lnTlToBr>
                    <a:lnBlToTr w="12700" cmpd="sng">
                      <a:noFill/>
                      <a:prstDash val="solid"/>
                    </a:lnBlToTr>
                  </a:tcPr>
                </a:tc>
                <a:tc>
                  <a:txBody>
                    <a:bodyPr/>
                    <a:lstStyle/>
                    <a:p>
                      <a:pPr algn="ctr"/>
                      <a:r>
                        <a:rPr lang="en-US" sz="2000">
                          <a:solidFill>
                            <a:schemeClr val="tx1">
                              <a:lumMod val="65000"/>
                              <a:lumOff val="35000"/>
                            </a:schemeClr>
                          </a:solidFill>
                          <a:latin typeface="Tahoma" panose="020B0604030504040204" pitchFamily="34" charset="0"/>
                          <a:ea typeface="Tahoma" panose="020B0604030504040204" pitchFamily="34" charset="0"/>
                          <a:cs typeface="Tahoma" panose="020B0604030504040204" pitchFamily="34" charset="0"/>
                        </a:rPr>
                        <a:t>Coordinates &amp; provides transportation services in Palm Beach County</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noFill/>
                      <a:prstDash val="solid"/>
                    </a:lnT>
                    <a:lnB w="12700" cmpd="sng">
                      <a:noFill/>
                      <a:prstDash val="solid"/>
                    </a:lnB>
                    <a:lnTlToBr w="12700" cmpd="sng">
                      <a:noFill/>
                      <a:prstDash val="solid"/>
                    </a:lnTlToBr>
                    <a:lnBlToTr w="12700" cmpd="sng">
                      <a:noFill/>
                      <a:prstDash val="solid"/>
                    </a:lnBlToTr>
                  </a:tcPr>
                </a:tc>
                <a:tc>
                  <a:txBody>
                    <a:bodyPr/>
                    <a:lstStyle/>
                    <a:p>
                      <a:pPr algn="ctr"/>
                      <a:r>
                        <a:rPr lang="en-US" sz="2000" dirty="0">
                          <a:solidFill>
                            <a:schemeClr val="tx1">
                              <a:lumMod val="65000"/>
                              <a:lumOff val="35000"/>
                            </a:schemeClr>
                          </a:solidFill>
                          <a:latin typeface="Tahoma" panose="020B0604030504040204" pitchFamily="34" charset="0"/>
                          <a:ea typeface="Tahoma" panose="020B0604030504040204" pitchFamily="34" charset="0"/>
                          <a:cs typeface="Tahoma" panose="020B0604030504040204" pitchFamily="34" charset="0"/>
                        </a:rPr>
                        <a:t>Identifies local service needs &amp; advise CTC</a:t>
                      </a:r>
                    </a:p>
                  </a:txBody>
                  <a:tcPr anchor="ctr">
                    <a:lnL w="12700" cap="flat" cmpd="sng" algn="ctr">
                      <a:solidFill>
                        <a:schemeClr val="tx1"/>
                      </a:solidFill>
                      <a:prstDash val="solid"/>
                      <a:round/>
                      <a:headEnd type="none" w="med" len="med"/>
                      <a:tailEnd type="none" w="med" len="med"/>
                    </a:lnL>
                    <a:lnR w="12700" cmpd="sng">
                      <a:noFill/>
                      <a:prstDash val="solid"/>
                    </a:lnR>
                    <a:lnT w="12700" cmpd="sng">
                      <a:noFill/>
                      <a:prstDash val="solid"/>
                    </a:lnT>
                    <a:lnB w="12700" cmpd="sng">
                      <a:noFill/>
                      <a:prstDash val="solid"/>
                    </a:lnB>
                    <a:lnTlToBr w="12700" cmpd="sng">
                      <a:noFill/>
                      <a:prstDash val="solid"/>
                    </a:lnTlToBr>
                    <a:lnBlToTr w="12700" cmpd="sng">
                      <a:noFill/>
                      <a:prstDash val="solid"/>
                    </a:lnBlToTr>
                  </a:tcPr>
                </a:tc>
                <a:extLst>
                  <a:ext uri="{0D108BD9-81ED-4DB2-BD59-A6C34878D82A}">
                    <a16:rowId xmlns:a16="http://schemas.microsoft.com/office/drawing/2014/main" val="289041007"/>
                  </a:ext>
                </a:extLst>
              </a:tr>
            </a:tbl>
          </a:graphicData>
        </a:graphic>
      </p:graphicFrame>
      <p:pic>
        <p:nvPicPr>
          <p:cNvPr id="2" name="Picture 1" descr="Palm Beach TPA logo">
            <a:extLst>
              <a:ext uri="{FF2B5EF4-FFF2-40B4-BE49-F238E27FC236}">
                <a16:creationId xmlns:a16="http://schemas.microsoft.com/office/drawing/2014/main" id="{8EFC2F58-357D-B5E4-E166-2185D418D58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589305" y="1763512"/>
            <a:ext cx="1700963" cy="471417"/>
          </a:xfrm>
          <a:prstGeom prst="rect">
            <a:avLst/>
          </a:prstGeom>
        </p:spPr>
      </p:pic>
      <p:pic>
        <p:nvPicPr>
          <p:cNvPr id="4" name="Picture 3" descr="Palm Tran Connection logo">
            <a:extLst>
              <a:ext uri="{FF2B5EF4-FFF2-40B4-BE49-F238E27FC236}">
                <a16:creationId xmlns:a16="http://schemas.microsoft.com/office/drawing/2014/main" id="{C5E0127B-DEE4-C99F-F2F3-B88004A12D0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128145" y="1536691"/>
            <a:ext cx="1662644" cy="761708"/>
          </a:xfrm>
          <a:prstGeom prst="rect">
            <a:avLst/>
          </a:prstGeom>
        </p:spPr>
      </p:pic>
      <p:pic>
        <p:nvPicPr>
          <p:cNvPr id="5" name="Picture 2" descr="Florida Commission for the Transportation Disadvantaged logo">
            <a:extLst>
              <a:ext uri="{FF2B5EF4-FFF2-40B4-BE49-F238E27FC236}">
                <a16:creationId xmlns:a16="http://schemas.microsoft.com/office/drawing/2014/main" id="{C0AEF699-FABB-534F-A0DF-3C1390B39E90}"/>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r="70518" b="17528"/>
          <a:stretch/>
        </p:blipFill>
        <p:spPr bwMode="auto">
          <a:xfrm>
            <a:off x="2186029" y="1719964"/>
            <a:ext cx="1434769" cy="65437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5541741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2466923-4D41-4DCD-9587-2855C0719472}"/>
              </a:ext>
            </a:extLst>
          </p:cNvPr>
          <p:cNvSpPr>
            <a:spLocks noGrp="1"/>
          </p:cNvSpPr>
          <p:nvPr>
            <p:ph idx="1"/>
          </p:nvPr>
        </p:nvSpPr>
        <p:spPr>
          <a:xfrm>
            <a:off x="838200" y="1825626"/>
            <a:ext cx="6772275" cy="4212710"/>
          </a:xfrm>
        </p:spPr>
        <p:txBody>
          <a:bodyPr/>
          <a:lstStyle/>
          <a:p>
            <a:pPr marL="0" indent="0">
              <a:lnSpc>
                <a:spcPct val="170000"/>
              </a:lnSpc>
              <a:buNone/>
            </a:pP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Describes those persons who because of physical or mental disability, income status, or age are unable to transport themselves or to purchase transportation.</a:t>
            </a:r>
          </a:p>
          <a:p>
            <a:pPr marL="0" indent="0">
              <a:lnSpc>
                <a:spcPct val="170000"/>
              </a:lnSpc>
              <a:buNone/>
            </a:pPr>
            <a:endParaRPr lang="en-US" sz="2400" dirty="0">
              <a:solidFill>
                <a:srgbClr val="6C6D70"/>
              </a:solidFill>
              <a:latin typeface="Tahoma" panose="020B0604030504040204" pitchFamily="34" charset="0"/>
              <a:ea typeface="Tahoma" panose="020B0604030504040204" pitchFamily="34" charset="0"/>
              <a:cs typeface="Tahoma" panose="020B0604030504040204" pitchFamily="34" charset="0"/>
            </a:endParaRP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lstStyle/>
          <a:p>
            <a:r>
              <a:rPr lang="en-US" dirty="0">
                <a:latin typeface="Tahoma" panose="020B0604030504040204" pitchFamily="34" charset="0"/>
                <a:ea typeface="Tahoma" panose="020B0604030504040204" pitchFamily="34" charset="0"/>
                <a:cs typeface="Tahoma" panose="020B0604030504040204" pitchFamily="34" charset="0"/>
              </a:rPr>
              <a:t>Transportation Disadvantaged</a:t>
            </a:r>
            <a:endParaRPr lang="en-US" dirty="0"/>
          </a:p>
        </p:txBody>
      </p:sp>
      <p:pic>
        <p:nvPicPr>
          <p:cNvPr id="6" name="Picture 5" descr="Venn Diagram showing overlap of disabled, low-income, and elderly populations.">
            <a:extLst>
              <a:ext uri="{FF2B5EF4-FFF2-40B4-BE49-F238E27FC236}">
                <a16:creationId xmlns:a16="http://schemas.microsoft.com/office/drawing/2014/main" id="{FD0B30CD-1521-EEFD-C3D9-F816465EDEF2}"/>
              </a:ext>
            </a:extLst>
          </p:cNvPr>
          <p:cNvPicPr>
            <a:picLocks noChangeAspect="1"/>
          </p:cNvPicPr>
          <p:nvPr/>
        </p:nvPicPr>
        <p:blipFill>
          <a:blip r:embed="rId2"/>
          <a:stretch>
            <a:fillRect/>
          </a:stretch>
        </p:blipFill>
        <p:spPr>
          <a:xfrm>
            <a:off x="7436298" y="2170089"/>
            <a:ext cx="3917502" cy="3523784"/>
          </a:xfrm>
          <a:prstGeom prst="rect">
            <a:avLst/>
          </a:prstGeom>
        </p:spPr>
      </p:pic>
    </p:spTree>
    <p:extLst>
      <p:ext uri="{BB962C8B-B14F-4D97-AF65-F5344CB8AC3E}">
        <p14:creationId xmlns:p14="http://schemas.microsoft.com/office/powerpoint/2010/main" val="24205507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2466923-4D41-4DCD-9587-2855C0719472}"/>
              </a:ext>
            </a:extLst>
          </p:cNvPr>
          <p:cNvSpPr>
            <a:spLocks noGrp="1"/>
          </p:cNvSpPr>
          <p:nvPr>
            <p:ph idx="1"/>
          </p:nvPr>
        </p:nvSpPr>
        <p:spPr>
          <a:xfrm>
            <a:off x="838200" y="1825626"/>
            <a:ext cx="7312742" cy="4212710"/>
          </a:xfrm>
        </p:spPr>
        <p:txBody>
          <a:bodyPr/>
          <a:lstStyle/>
          <a:p>
            <a:pPr marL="0" indent="0">
              <a:lnSpc>
                <a:spcPct val="170000"/>
              </a:lnSpc>
              <a:buNone/>
            </a:pP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Independent state agency created to accomplish the coordination of transportation services provided to the transportation disadvantaged population.</a:t>
            </a:r>
          </a:p>
          <a:p>
            <a:pPr marL="0" indent="0">
              <a:lnSpc>
                <a:spcPct val="170000"/>
              </a:lnSpc>
              <a:buNone/>
            </a:pPr>
            <a:endParaRPr lang="en-US" sz="2400" dirty="0">
              <a:solidFill>
                <a:srgbClr val="6C6D70"/>
              </a:solidFill>
              <a:latin typeface="Tahoma" panose="020B0604030504040204" pitchFamily="34" charset="0"/>
              <a:ea typeface="Tahoma" panose="020B0604030504040204" pitchFamily="34" charset="0"/>
              <a:cs typeface="Tahoma" panose="020B0604030504040204" pitchFamily="34" charset="0"/>
            </a:endParaRP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sz="4400">
                <a:latin typeface="Tahoma" panose="020B0604030504040204" pitchFamily="34" charset="0"/>
                <a:ea typeface="Tahoma" panose="020B0604030504040204" pitchFamily="34" charset="0"/>
                <a:cs typeface="Tahoma" panose="020B0604030504040204" pitchFamily="34" charset="0"/>
              </a:rPr>
              <a:t>Commission for the Transportation Disadvantaged (CTD)</a:t>
            </a:r>
            <a:endParaRPr lang="en-US"/>
          </a:p>
        </p:txBody>
      </p:sp>
      <p:pic>
        <p:nvPicPr>
          <p:cNvPr id="5" name="Picture 2" descr="Florida Commission for the Transportation Disadvantaged logo">
            <a:extLst>
              <a:ext uri="{FF2B5EF4-FFF2-40B4-BE49-F238E27FC236}">
                <a16:creationId xmlns:a16="http://schemas.microsoft.com/office/drawing/2014/main" id="{4787D773-3041-2F77-4498-90834C3D131E}"/>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r="70518" b="17528"/>
          <a:stretch/>
        </p:blipFill>
        <p:spPr bwMode="auto">
          <a:xfrm>
            <a:off x="8242079" y="2676025"/>
            <a:ext cx="3301902" cy="15059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7140274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a:latin typeface="Tahoma" panose="020B0604030504040204" pitchFamily="34" charset="0"/>
                <a:ea typeface="Tahoma" panose="020B0604030504040204" pitchFamily="34" charset="0"/>
                <a:cs typeface="Tahoma" panose="020B0604030504040204" pitchFamily="34" charset="0"/>
              </a:rPr>
              <a:t>Transportation Disadvantaged Program</a:t>
            </a:r>
            <a:endParaRPr lang="en-US"/>
          </a:p>
        </p:txBody>
      </p:sp>
      <p:pic>
        <p:nvPicPr>
          <p:cNvPr id="8" name="Picture 7" descr="Chart explaining organization of Transportation Disadvantaged Program.">
            <a:extLst>
              <a:ext uri="{FF2B5EF4-FFF2-40B4-BE49-F238E27FC236}">
                <a16:creationId xmlns:a16="http://schemas.microsoft.com/office/drawing/2014/main" id="{A74C77A8-B875-61B4-0671-59662771975B}"/>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2878" t="7469" r="2878" b="17885"/>
          <a:stretch/>
        </p:blipFill>
        <p:spPr>
          <a:xfrm>
            <a:off x="1216518" y="1476904"/>
            <a:ext cx="8915255" cy="5142417"/>
          </a:xfrm>
          <a:prstGeom prst="rect">
            <a:avLst/>
          </a:prstGeom>
        </p:spPr>
      </p:pic>
    </p:spTree>
    <p:extLst>
      <p:ext uri="{BB962C8B-B14F-4D97-AF65-F5344CB8AC3E}">
        <p14:creationId xmlns:p14="http://schemas.microsoft.com/office/powerpoint/2010/main" val="422618367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a:latin typeface="Tahoma" panose="020B0604030504040204" pitchFamily="34" charset="0"/>
                <a:ea typeface="Tahoma" panose="020B0604030504040204" pitchFamily="34" charset="0"/>
                <a:cs typeface="Tahoma" panose="020B0604030504040204" pitchFamily="34" charset="0"/>
              </a:rPr>
              <a:t>Transportation Disadvantaged Program</a:t>
            </a:r>
            <a:endParaRPr lang="en-US"/>
          </a:p>
        </p:txBody>
      </p:sp>
      <p:pic>
        <p:nvPicPr>
          <p:cNvPr id="8" name="Picture 7" descr="Chart explaining organization of Transportation Disadvantaged Program.">
            <a:extLst>
              <a:ext uri="{FF2B5EF4-FFF2-40B4-BE49-F238E27FC236}">
                <a16:creationId xmlns:a16="http://schemas.microsoft.com/office/drawing/2014/main" id="{A74C77A8-B875-61B4-0671-59662771975B}"/>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2878" t="7469" r="2878" b="17885"/>
          <a:stretch/>
        </p:blipFill>
        <p:spPr>
          <a:xfrm>
            <a:off x="1216518" y="1476904"/>
            <a:ext cx="8915255" cy="5142417"/>
          </a:xfrm>
          <a:prstGeom prst="rect">
            <a:avLst/>
          </a:prstGeom>
        </p:spPr>
      </p:pic>
      <p:pic>
        <p:nvPicPr>
          <p:cNvPr id="2" name="Picture 1" descr="Palm Beach TPA logo">
            <a:extLst>
              <a:ext uri="{FF2B5EF4-FFF2-40B4-BE49-F238E27FC236}">
                <a16:creationId xmlns:a16="http://schemas.microsoft.com/office/drawing/2014/main" id="{EAF66AD5-AAA8-B8B5-F047-EB172E792C26}"/>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061200" y="3038931"/>
            <a:ext cx="1100087" cy="304886"/>
          </a:xfrm>
          <a:prstGeom prst="rect">
            <a:avLst/>
          </a:prstGeom>
        </p:spPr>
      </p:pic>
      <p:grpSp>
        <p:nvGrpSpPr>
          <p:cNvPr id="12" name="Group 11">
            <a:extLst>
              <a:ext uri="{FF2B5EF4-FFF2-40B4-BE49-F238E27FC236}">
                <a16:creationId xmlns:a16="http://schemas.microsoft.com/office/drawing/2014/main" id="{53ED8869-7BF8-DF32-96AD-B20F35BF610B}"/>
              </a:ext>
            </a:extLst>
          </p:cNvPr>
          <p:cNvGrpSpPr/>
          <p:nvPr/>
        </p:nvGrpSpPr>
        <p:grpSpPr>
          <a:xfrm>
            <a:off x="3463760" y="1819922"/>
            <a:ext cx="3576232" cy="1065321"/>
            <a:chOff x="3463760" y="1819922"/>
            <a:chExt cx="3576232" cy="1065321"/>
          </a:xfrm>
        </p:grpSpPr>
        <p:pic>
          <p:nvPicPr>
            <p:cNvPr id="4" name="Picture 2" descr="Florida Commission for the Transportation Disadvantaged logo">
              <a:extLst>
                <a:ext uri="{FF2B5EF4-FFF2-40B4-BE49-F238E27FC236}">
                  <a16:creationId xmlns:a16="http://schemas.microsoft.com/office/drawing/2014/main" id="{F840A206-7D2D-27CA-002B-4D8A67494FB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r="70518" b="17528"/>
            <a:stretch/>
          </p:blipFill>
          <p:spPr bwMode="auto">
            <a:xfrm>
              <a:off x="3463760" y="1860022"/>
              <a:ext cx="1083260" cy="494059"/>
            </a:xfrm>
            <a:prstGeom prst="rect">
              <a:avLst/>
            </a:prstGeom>
            <a:noFill/>
            <a:extLst>
              <a:ext uri="{909E8E84-426E-40DD-AFC4-6F175D3DCCD1}">
                <a14:hiddenFill xmlns:a14="http://schemas.microsoft.com/office/drawing/2010/main">
                  <a:solidFill>
                    <a:srgbClr val="FFFFFF"/>
                  </a:solidFill>
                </a14:hiddenFill>
              </a:ext>
            </a:extLst>
          </p:spPr>
        </p:pic>
        <p:sp>
          <p:nvSpPr>
            <p:cNvPr id="10" name="Freeform: Shape 9">
              <a:extLst>
                <a:ext uri="{FF2B5EF4-FFF2-40B4-BE49-F238E27FC236}">
                  <a16:creationId xmlns:a16="http://schemas.microsoft.com/office/drawing/2014/main" id="{25EFF50B-C163-A6ED-36FD-F6921256ABEA}"/>
                </a:ext>
              </a:extLst>
            </p:cNvPr>
            <p:cNvSpPr/>
            <p:nvPr/>
          </p:nvSpPr>
          <p:spPr>
            <a:xfrm>
              <a:off x="3586579" y="1819922"/>
              <a:ext cx="3453413" cy="1065321"/>
            </a:xfrm>
            <a:custGeom>
              <a:avLst/>
              <a:gdLst>
                <a:gd name="connsiteX0" fmla="*/ 3409025 w 3453413"/>
                <a:gd name="connsiteY0" fmla="*/ 550416 h 1065321"/>
                <a:gd name="connsiteX1" fmla="*/ 1047565 w 3453413"/>
                <a:gd name="connsiteY1" fmla="*/ 550416 h 1065321"/>
                <a:gd name="connsiteX2" fmla="*/ 1047565 w 3453413"/>
                <a:gd name="connsiteY2" fmla="*/ 0 h 1065321"/>
                <a:gd name="connsiteX3" fmla="*/ 0 w 3453413"/>
                <a:gd name="connsiteY3" fmla="*/ 0 h 1065321"/>
                <a:gd name="connsiteX4" fmla="*/ 0 w 3453413"/>
                <a:gd name="connsiteY4" fmla="*/ 541538 h 1065321"/>
                <a:gd name="connsiteX5" fmla="*/ 887767 w 3453413"/>
                <a:gd name="connsiteY5" fmla="*/ 541538 h 1065321"/>
                <a:gd name="connsiteX6" fmla="*/ 887767 w 3453413"/>
                <a:gd name="connsiteY6" fmla="*/ 1065321 h 1065321"/>
                <a:gd name="connsiteX7" fmla="*/ 3453413 w 3453413"/>
                <a:gd name="connsiteY7" fmla="*/ 1065321 h 1065321"/>
                <a:gd name="connsiteX8" fmla="*/ 3409025 w 3453413"/>
                <a:gd name="connsiteY8" fmla="*/ 550416 h 1065321"/>
                <a:gd name="connsiteX0" fmla="*/ 3444585 w 3453413"/>
                <a:gd name="connsiteY0" fmla="*/ 555496 h 1065321"/>
                <a:gd name="connsiteX1" fmla="*/ 1047565 w 3453413"/>
                <a:gd name="connsiteY1" fmla="*/ 550416 h 1065321"/>
                <a:gd name="connsiteX2" fmla="*/ 1047565 w 3453413"/>
                <a:gd name="connsiteY2" fmla="*/ 0 h 1065321"/>
                <a:gd name="connsiteX3" fmla="*/ 0 w 3453413"/>
                <a:gd name="connsiteY3" fmla="*/ 0 h 1065321"/>
                <a:gd name="connsiteX4" fmla="*/ 0 w 3453413"/>
                <a:gd name="connsiteY4" fmla="*/ 541538 h 1065321"/>
                <a:gd name="connsiteX5" fmla="*/ 887767 w 3453413"/>
                <a:gd name="connsiteY5" fmla="*/ 541538 h 1065321"/>
                <a:gd name="connsiteX6" fmla="*/ 887767 w 3453413"/>
                <a:gd name="connsiteY6" fmla="*/ 1065321 h 1065321"/>
                <a:gd name="connsiteX7" fmla="*/ 3453413 w 3453413"/>
                <a:gd name="connsiteY7" fmla="*/ 1065321 h 1065321"/>
                <a:gd name="connsiteX8" fmla="*/ 3444585 w 3453413"/>
                <a:gd name="connsiteY8" fmla="*/ 555496 h 10653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453413" h="1065321">
                  <a:moveTo>
                    <a:pt x="3444585" y="555496"/>
                  </a:moveTo>
                  <a:lnTo>
                    <a:pt x="1047565" y="550416"/>
                  </a:lnTo>
                  <a:lnTo>
                    <a:pt x="1047565" y="0"/>
                  </a:lnTo>
                  <a:lnTo>
                    <a:pt x="0" y="0"/>
                  </a:lnTo>
                  <a:lnTo>
                    <a:pt x="0" y="541538"/>
                  </a:lnTo>
                  <a:lnTo>
                    <a:pt x="887767" y="541538"/>
                  </a:lnTo>
                  <a:lnTo>
                    <a:pt x="887767" y="1065321"/>
                  </a:lnTo>
                  <a:lnTo>
                    <a:pt x="3453413" y="1065321"/>
                  </a:lnTo>
                  <a:lnTo>
                    <a:pt x="3444585" y="555496"/>
                  </a:lnTo>
                  <a:close/>
                </a:path>
              </a:pathLst>
            </a:custGeom>
            <a:noFill/>
            <a:ln w="28575">
              <a:solidFill>
                <a:srgbClr val="CBA247"/>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4" name="Group 13">
            <a:extLst>
              <a:ext uri="{FF2B5EF4-FFF2-40B4-BE49-F238E27FC236}">
                <a16:creationId xmlns:a16="http://schemas.microsoft.com/office/drawing/2014/main" id="{4020AECD-E58A-7461-BF08-0F3208AEF651}"/>
              </a:ext>
            </a:extLst>
          </p:cNvPr>
          <p:cNvGrpSpPr/>
          <p:nvPr/>
        </p:nvGrpSpPr>
        <p:grpSpPr>
          <a:xfrm>
            <a:off x="3248026" y="4158492"/>
            <a:ext cx="3791966" cy="1141730"/>
            <a:chOff x="3248026" y="4158492"/>
            <a:chExt cx="3791966" cy="1141730"/>
          </a:xfrm>
        </p:grpSpPr>
        <p:pic>
          <p:nvPicPr>
            <p:cNvPr id="5" name="Picture 4" descr="Palm Tran Connection logo">
              <a:extLst>
                <a:ext uri="{FF2B5EF4-FFF2-40B4-BE49-F238E27FC236}">
                  <a16:creationId xmlns:a16="http://schemas.microsoft.com/office/drawing/2014/main" id="{3A92A272-39F9-0390-4D3F-27578885B8A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3270019" y="4158492"/>
              <a:ext cx="1277001" cy="585033"/>
            </a:xfrm>
            <a:prstGeom prst="rect">
              <a:avLst/>
            </a:prstGeom>
          </p:spPr>
        </p:pic>
        <p:sp>
          <p:nvSpPr>
            <p:cNvPr id="13" name="Freeform: Shape 12">
              <a:extLst>
                <a:ext uri="{FF2B5EF4-FFF2-40B4-BE49-F238E27FC236}">
                  <a16:creationId xmlns:a16="http://schemas.microsoft.com/office/drawing/2014/main" id="{33F35B2E-C2D8-F585-4BFA-6EF897B29E80}"/>
                </a:ext>
              </a:extLst>
            </p:cNvPr>
            <p:cNvSpPr/>
            <p:nvPr/>
          </p:nvSpPr>
          <p:spPr>
            <a:xfrm>
              <a:off x="3248026" y="4161032"/>
              <a:ext cx="3791966" cy="1139190"/>
            </a:xfrm>
            <a:custGeom>
              <a:avLst/>
              <a:gdLst>
                <a:gd name="connsiteX0" fmla="*/ 0 w 3667760"/>
                <a:gd name="connsiteY0" fmla="*/ 40640 h 1112520"/>
                <a:gd name="connsiteX1" fmla="*/ 0 w 3667760"/>
                <a:gd name="connsiteY1" fmla="*/ 370840 h 1112520"/>
                <a:gd name="connsiteX2" fmla="*/ 1168400 w 3667760"/>
                <a:gd name="connsiteY2" fmla="*/ 370840 h 1112520"/>
                <a:gd name="connsiteX3" fmla="*/ 1168400 w 3667760"/>
                <a:gd name="connsiteY3" fmla="*/ 1112520 h 1112520"/>
                <a:gd name="connsiteX4" fmla="*/ 3667760 w 3667760"/>
                <a:gd name="connsiteY4" fmla="*/ 1112520 h 1112520"/>
                <a:gd name="connsiteX5" fmla="*/ 3667760 w 3667760"/>
                <a:gd name="connsiteY5" fmla="*/ 370840 h 1112520"/>
                <a:gd name="connsiteX6" fmla="*/ 1244600 w 3667760"/>
                <a:gd name="connsiteY6" fmla="*/ 370840 h 1112520"/>
                <a:gd name="connsiteX7" fmla="*/ 1244600 w 3667760"/>
                <a:gd name="connsiteY7" fmla="*/ 0 h 1112520"/>
                <a:gd name="connsiteX8" fmla="*/ 0 w 3667760"/>
                <a:gd name="connsiteY8" fmla="*/ 40640 h 1112520"/>
                <a:gd name="connsiteX0" fmla="*/ 0 w 3667760"/>
                <a:gd name="connsiteY0" fmla="*/ 0 h 1117600"/>
                <a:gd name="connsiteX1" fmla="*/ 0 w 3667760"/>
                <a:gd name="connsiteY1" fmla="*/ 375920 h 1117600"/>
                <a:gd name="connsiteX2" fmla="*/ 1168400 w 3667760"/>
                <a:gd name="connsiteY2" fmla="*/ 375920 h 1117600"/>
                <a:gd name="connsiteX3" fmla="*/ 1168400 w 3667760"/>
                <a:gd name="connsiteY3" fmla="*/ 1117600 h 1117600"/>
                <a:gd name="connsiteX4" fmla="*/ 3667760 w 3667760"/>
                <a:gd name="connsiteY4" fmla="*/ 1117600 h 1117600"/>
                <a:gd name="connsiteX5" fmla="*/ 3667760 w 3667760"/>
                <a:gd name="connsiteY5" fmla="*/ 375920 h 1117600"/>
                <a:gd name="connsiteX6" fmla="*/ 1244600 w 3667760"/>
                <a:gd name="connsiteY6" fmla="*/ 375920 h 1117600"/>
                <a:gd name="connsiteX7" fmla="*/ 1244600 w 3667760"/>
                <a:gd name="connsiteY7" fmla="*/ 5080 h 1117600"/>
                <a:gd name="connsiteX8" fmla="*/ 0 w 3667760"/>
                <a:gd name="connsiteY8" fmla="*/ 0 h 1117600"/>
                <a:gd name="connsiteX0" fmla="*/ 3810 w 3667760"/>
                <a:gd name="connsiteY0" fmla="*/ 2540 h 1112520"/>
                <a:gd name="connsiteX1" fmla="*/ 0 w 3667760"/>
                <a:gd name="connsiteY1" fmla="*/ 370840 h 1112520"/>
                <a:gd name="connsiteX2" fmla="*/ 1168400 w 3667760"/>
                <a:gd name="connsiteY2" fmla="*/ 370840 h 1112520"/>
                <a:gd name="connsiteX3" fmla="*/ 1168400 w 3667760"/>
                <a:gd name="connsiteY3" fmla="*/ 1112520 h 1112520"/>
                <a:gd name="connsiteX4" fmla="*/ 3667760 w 3667760"/>
                <a:gd name="connsiteY4" fmla="*/ 1112520 h 1112520"/>
                <a:gd name="connsiteX5" fmla="*/ 3667760 w 3667760"/>
                <a:gd name="connsiteY5" fmla="*/ 370840 h 1112520"/>
                <a:gd name="connsiteX6" fmla="*/ 1244600 w 3667760"/>
                <a:gd name="connsiteY6" fmla="*/ 370840 h 1112520"/>
                <a:gd name="connsiteX7" fmla="*/ 1244600 w 3667760"/>
                <a:gd name="connsiteY7" fmla="*/ 0 h 1112520"/>
                <a:gd name="connsiteX8" fmla="*/ 3810 w 3667760"/>
                <a:gd name="connsiteY8" fmla="*/ 2540 h 1112520"/>
                <a:gd name="connsiteX0" fmla="*/ 3810 w 3667760"/>
                <a:gd name="connsiteY0" fmla="*/ 29210 h 1139190"/>
                <a:gd name="connsiteX1" fmla="*/ 0 w 3667760"/>
                <a:gd name="connsiteY1" fmla="*/ 397510 h 1139190"/>
                <a:gd name="connsiteX2" fmla="*/ 1168400 w 3667760"/>
                <a:gd name="connsiteY2" fmla="*/ 397510 h 1139190"/>
                <a:gd name="connsiteX3" fmla="*/ 1168400 w 3667760"/>
                <a:gd name="connsiteY3" fmla="*/ 1139190 h 1139190"/>
                <a:gd name="connsiteX4" fmla="*/ 3667760 w 3667760"/>
                <a:gd name="connsiteY4" fmla="*/ 1139190 h 1139190"/>
                <a:gd name="connsiteX5" fmla="*/ 3667760 w 3667760"/>
                <a:gd name="connsiteY5" fmla="*/ 397510 h 1139190"/>
                <a:gd name="connsiteX6" fmla="*/ 1244600 w 3667760"/>
                <a:gd name="connsiteY6" fmla="*/ 397510 h 1139190"/>
                <a:gd name="connsiteX7" fmla="*/ 1244600 w 3667760"/>
                <a:gd name="connsiteY7" fmla="*/ 0 h 1139190"/>
                <a:gd name="connsiteX8" fmla="*/ 3810 w 3667760"/>
                <a:gd name="connsiteY8" fmla="*/ 29210 h 1139190"/>
                <a:gd name="connsiteX0" fmla="*/ 3810 w 3667760"/>
                <a:gd name="connsiteY0" fmla="*/ 0 h 1151890"/>
                <a:gd name="connsiteX1" fmla="*/ 0 w 3667760"/>
                <a:gd name="connsiteY1" fmla="*/ 410210 h 1151890"/>
                <a:gd name="connsiteX2" fmla="*/ 1168400 w 3667760"/>
                <a:gd name="connsiteY2" fmla="*/ 410210 h 1151890"/>
                <a:gd name="connsiteX3" fmla="*/ 1168400 w 3667760"/>
                <a:gd name="connsiteY3" fmla="*/ 1151890 h 1151890"/>
                <a:gd name="connsiteX4" fmla="*/ 3667760 w 3667760"/>
                <a:gd name="connsiteY4" fmla="*/ 1151890 h 1151890"/>
                <a:gd name="connsiteX5" fmla="*/ 3667760 w 3667760"/>
                <a:gd name="connsiteY5" fmla="*/ 410210 h 1151890"/>
                <a:gd name="connsiteX6" fmla="*/ 1244600 w 3667760"/>
                <a:gd name="connsiteY6" fmla="*/ 410210 h 1151890"/>
                <a:gd name="connsiteX7" fmla="*/ 1244600 w 3667760"/>
                <a:gd name="connsiteY7" fmla="*/ 12700 h 1151890"/>
                <a:gd name="connsiteX8" fmla="*/ 3810 w 3667760"/>
                <a:gd name="connsiteY8" fmla="*/ 0 h 1151890"/>
                <a:gd name="connsiteX0" fmla="*/ 0 w 3667760"/>
                <a:gd name="connsiteY0" fmla="*/ 2540 h 1139190"/>
                <a:gd name="connsiteX1" fmla="*/ 0 w 3667760"/>
                <a:gd name="connsiteY1" fmla="*/ 397510 h 1139190"/>
                <a:gd name="connsiteX2" fmla="*/ 1168400 w 3667760"/>
                <a:gd name="connsiteY2" fmla="*/ 397510 h 1139190"/>
                <a:gd name="connsiteX3" fmla="*/ 1168400 w 3667760"/>
                <a:gd name="connsiteY3" fmla="*/ 1139190 h 1139190"/>
                <a:gd name="connsiteX4" fmla="*/ 3667760 w 3667760"/>
                <a:gd name="connsiteY4" fmla="*/ 1139190 h 1139190"/>
                <a:gd name="connsiteX5" fmla="*/ 3667760 w 3667760"/>
                <a:gd name="connsiteY5" fmla="*/ 397510 h 1139190"/>
                <a:gd name="connsiteX6" fmla="*/ 1244600 w 3667760"/>
                <a:gd name="connsiteY6" fmla="*/ 397510 h 1139190"/>
                <a:gd name="connsiteX7" fmla="*/ 1244600 w 3667760"/>
                <a:gd name="connsiteY7" fmla="*/ 0 h 1139190"/>
                <a:gd name="connsiteX8" fmla="*/ 0 w 3667760"/>
                <a:gd name="connsiteY8" fmla="*/ 2540 h 1139190"/>
                <a:gd name="connsiteX0" fmla="*/ 3810 w 3667760"/>
                <a:gd name="connsiteY0" fmla="*/ 2540 h 1139190"/>
                <a:gd name="connsiteX1" fmla="*/ 0 w 3667760"/>
                <a:gd name="connsiteY1" fmla="*/ 397510 h 1139190"/>
                <a:gd name="connsiteX2" fmla="*/ 1168400 w 3667760"/>
                <a:gd name="connsiteY2" fmla="*/ 397510 h 1139190"/>
                <a:gd name="connsiteX3" fmla="*/ 1168400 w 3667760"/>
                <a:gd name="connsiteY3" fmla="*/ 1139190 h 1139190"/>
                <a:gd name="connsiteX4" fmla="*/ 3667760 w 3667760"/>
                <a:gd name="connsiteY4" fmla="*/ 1139190 h 1139190"/>
                <a:gd name="connsiteX5" fmla="*/ 3667760 w 3667760"/>
                <a:gd name="connsiteY5" fmla="*/ 397510 h 1139190"/>
                <a:gd name="connsiteX6" fmla="*/ 1244600 w 3667760"/>
                <a:gd name="connsiteY6" fmla="*/ 397510 h 1139190"/>
                <a:gd name="connsiteX7" fmla="*/ 1244600 w 3667760"/>
                <a:gd name="connsiteY7" fmla="*/ 0 h 1139190"/>
                <a:gd name="connsiteX8" fmla="*/ 3810 w 3667760"/>
                <a:gd name="connsiteY8" fmla="*/ 2540 h 1139190"/>
                <a:gd name="connsiteX0" fmla="*/ 3810 w 3667760"/>
                <a:gd name="connsiteY0" fmla="*/ 2540 h 1139190"/>
                <a:gd name="connsiteX1" fmla="*/ 0 w 3667760"/>
                <a:gd name="connsiteY1" fmla="*/ 397510 h 1139190"/>
                <a:gd name="connsiteX2" fmla="*/ 1186688 w 3667760"/>
                <a:gd name="connsiteY2" fmla="*/ 604774 h 1139190"/>
                <a:gd name="connsiteX3" fmla="*/ 1168400 w 3667760"/>
                <a:gd name="connsiteY3" fmla="*/ 1139190 h 1139190"/>
                <a:gd name="connsiteX4" fmla="*/ 3667760 w 3667760"/>
                <a:gd name="connsiteY4" fmla="*/ 1139190 h 1139190"/>
                <a:gd name="connsiteX5" fmla="*/ 3667760 w 3667760"/>
                <a:gd name="connsiteY5" fmla="*/ 397510 h 1139190"/>
                <a:gd name="connsiteX6" fmla="*/ 1244600 w 3667760"/>
                <a:gd name="connsiteY6" fmla="*/ 397510 h 1139190"/>
                <a:gd name="connsiteX7" fmla="*/ 1244600 w 3667760"/>
                <a:gd name="connsiteY7" fmla="*/ 0 h 1139190"/>
                <a:gd name="connsiteX8" fmla="*/ 3810 w 3667760"/>
                <a:gd name="connsiteY8" fmla="*/ 2540 h 1139190"/>
                <a:gd name="connsiteX0" fmla="*/ 76962 w 3740912"/>
                <a:gd name="connsiteY0" fmla="*/ 2540 h 1139190"/>
                <a:gd name="connsiteX1" fmla="*/ 0 w 3740912"/>
                <a:gd name="connsiteY1" fmla="*/ 568198 h 1139190"/>
                <a:gd name="connsiteX2" fmla="*/ 1259840 w 3740912"/>
                <a:gd name="connsiteY2" fmla="*/ 604774 h 1139190"/>
                <a:gd name="connsiteX3" fmla="*/ 1241552 w 3740912"/>
                <a:gd name="connsiteY3" fmla="*/ 1139190 h 1139190"/>
                <a:gd name="connsiteX4" fmla="*/ 3740912 w 3740912"/>
                <a:gd name="connsiteY4" fmla="*/ 1139190 h 1139190"/>
                <a:gd name="connsiteX5" fmla="*/ 3740912 w 3740912"/>
                <a:gd name="connsiteY5" fmla="*/ 397510 h 1139190"/>
                <a:gd name="connsiteX6" fmla="*/ 1317752 w 3740912"/>
                <a:gd name="connsiteY6" fmla="*/ 397510 h 1139190"/>
                <a:gd name="connsiteX7" fmla="*/ 1317752 w 3740912"/>
                <a:gd name="connsiteY7" fmla="*/ 0 h 1139190"/>
                <a:gd name="connsiteX8" fmla="*/ 76962 w 3740912"/>
                <a:gd name="connsiteY8" fmla="*/ 2540 h 1139190"/>
                <a:gd name="connsiteX0" fmla="*/ 0 w 3791966"/>
                <a:gd name="connsiteY0" fmla="*/ 2540 h 1139190"/>
                <a:gd name="connsiteX1" fmla="*/ 51054 w 3791966"/>
                <a:gd name="connsiteY1" fmla="*/ 568198 h 1139190"/>
                <a:gd name="connsiteX2" fmla="*/ 1310894 w 3791966"/>
                <a:gd name="connsiteY2" fmla="*/ 604774 h 1139190"/>
                <a:gd name="connsiteX3" fmla="*/ 1292606 w 3791966"/>
                <a:gd name="connsiteY3" fmla="*/ 1139190 h 1139190"/>
                <a:gd name="connsiteX4" fmla="*/ 3791966 w 3791966"/>
                <a:gd name="connsiteY4" fmla="*/ 1139190 h 1139190"/>
                <a:gd name="connsiteX5" fmla="*/ 3791966 w 3791966"/>
                <a:gd name="connsiteY5" fmla="*/ 397510 h 1139190"/>
                <a:gd name="connsiteX6" fmla="*/ 1368806 w 3791966"/>
                <a:gd name="connsiteY6" fmla="*/ 397510 h 1139190"/>
                <a:gd name="connsiteX7" fmla="*/ 1368806 w 3791966"/>
                <a:gd name="connsiteY7" fmla="*/ 0 h 1139190"/>
                <a:gd name="connsiteX8" fmla="*/ 0 w 3791966"/>
                <a:gd name="connsiteY8" fmla="*/ 2540 h 1139190"/>
                <a:gd name="connsiteX0" fmla="*/ 22098 w 3814064"/>
                <a:gd name="connsiteY0" fmla="*/ 2540 h 1139190"/>
                <a:gd name="connsiteX1" fmla="*/ 0 w 3814064"/>
                <a:gd name="connsiteY1" fmla="*/ 568198 h 1139190"/>
                <a:gd name="connsiteX2" fmla="*/ 1332992 w 3814064"/>
                <a:gd name="connsiteY2" fmla="*/ 604774 h 1139190"/>
                <a:gd name="connsiteX3" fmla="*/ 1314704 w 3814064"/>
                <a:gd name="connsiteY3" fmla="*/ 1139190 h 1139190"/>
                <a:gd name="connsiteX4" fmla="*/ 3814064 w 3814064"/>
                <a:gd name="connsiteY4" fmla="*/ 1139190 h 1139190"/>
                <a:gd name="connsiteX5" fmla="*/ 3814064 w 3814064"/>
                <a:gd name="connsiteY5" fmla="*/ 397510 h 1139190"/>
                <a:gd name="connsiteX6" fmla="*/ 1390904 w 3814064"/>
                <a:gd name="connsiteY6" fmla="*/ 397510 h 1139190"/>
                <a:gd name="connsiteX7" fmla="*/ 1390904 w 3814064"/>
                <a:gd name="connsiteY7" fmla="*/ 0 h 1139190"/>
                <a:gd name="connsiteX8" fmla="*/ 22098 w 3814064"/>
                <a:gd name="connsiteY8" fmla="*/ 2540 h 1139190"/>
                <a:gd name="connsiteX0" fmla="*/ 22098 w 3814064"/>
                <a:gd name="connsiteY0" fmla="*/ 2540 h 1141730"/>
                <a:gd name="connsiteX1" fmla="*/ 0 w 3814064"/>
                <a:gd name="connsiteY1" fmla="*/ 568198 h 1141730"/>
                <a:gd name="connsiteX2" fmla="*/ 1332992 w 3814064"/>
                <a:gd name="connsiteY2" fmla="*/ 604774 h 1141730"/>
                <a:gd name="connsiteX3" fmla="*/ 1365504 w 3814064"/>
                <a:gd name="connsiteY3" fmla="*/ 1141730 h 1141730"/>
                <a:gd name="connsiteX4" fmla="*/ 3814064 w 3814064"/>
                <a:gd name="connsiteY4" fmla="*/ 1139190 h 1141730"/>
                <a:gd name="connsiteX5" fmla="*/ 3814064 w 3814064"/>
                <a:gd name="connsiteY5" fmla="*/ 397510 h 1141730"/>
                <a:gd name="connsiteX6" fmla="*/ 1390904 w 3814064"/>
                <a:gd name="connsiteY6" fmla="*/ 397510 h 1141730"/>
                <a:gd name="connsiteX7" fmla="*/ 1390904 w 3814064"/>
                <a:gd name="connsiteY7" fmla="*/ 0 h 1141730"/>
                <a:gd name="connsiteX8" fmla="*/ 22098 w 3814064"/>
                <a:gd name="connsiteY8" fmla="*/ 2540 h 1141730"/>
                <a:gd name="connsiteX0" fmla="*/ 22098 w 3814064"/>
                <a:gd name="connsiteY0" fmla="*/ 2540 h 1141730"/>
                <a:gd name="connsiteX1" fmla="*/ 0 w 3814064"/>
                <a:gd name="connsiteY1" fmla="*/ 568198 h 1141730"/>
                <a:gd name="connsiteX2" fmla="*/ 1371092 w 3814064"/>
                <a:gd name="connsiteY2" fmla="*/ 609854 h 1141730"/>
                <a:gd name="connsiteX3" fmla="*/ 1365504 w 3814064"/>
                <a:gd name="connsiteY3" fmla="*/ 1141730 h 1141730"/>
                <a:gd name="connsiteX4" fmla="*/ 3814064 w 3814064"/>
                <a:gd name="connsiteY4" fmla="*/ 1139190 h 1141730"/>
                <a:gd name="connsiteX5" fmla="*/ 3814064 w 3814064"/>
                <a:gd name="connsiteY5" fmla="*/ 397510 h 1141730"/>
                <a:gd name="connsiteX6" fmla="*/ 1390904 w 3814064"/>
                <a:gd name="connsiteY6" fmla="*/ 397510 h 1141730"/>
                <a:gd name="connsiteX7" fmla="*/ 1390904 w 3814064"/>
                <a:gd name="connsiteY7" fmla="*/ 0 h 1141730"/>
                <a:gd name="connsiteX8" fmla="*/ 22098 w 3814064"/>
                <a:gd name="connsiteY8" fmla="*/ 2540 h 1141730"/>
                <a:gd name="connsiteX0" fmla="*/ 0 w 3791966"/>
                <a:gd name="connsiteY0" fmla="*/ 2540 h 1141730"/>
                <a:gd name="connsiteX1" fmla="*/ 28702 w 3791966"/>
                <a:gd name="connsiteY1" fmla="*/ 568198 h 1141730"/>
                <a:gd name="connsiteX2" fmla="*/ 1348994 w 3791966"/>
                <a:gd name="connsiteY2" fmla="*/ 609854 h 1141730"/>
                <a:gd name="connsiteX3" fmla="*/ 1343406 w 3791966"/>
                <a:gd name="connsiteY3" fmla="*/ 1141730 h 1141730"/>
                <a:gd name="connsiteX4" fmla="*/ 3791966 w 3791966"/>
                <a:gd name="connsiteY4" fmla="*/ 1139190 h 1141730"/>
                <a:gd name="connsiteX5" fmla="*/ 3791966 w 3791966"/>
                <a:gd name="connsiteY5" fmla="*/ 397510 h 1141730"/>
                <a:gd name="connsiteX6" fmla="*/ 1368806 w 3791966"/>
                <a:gd name="connsiteY6" fmla="*/ 397510 h 1141730"/>
                <a:gd name="connsiteX7" fmla="*/ 1368806 w 3791966"/>
                <a:gd name="connsiteY7" fmla="*/ 0 h 1141730"/>
                <a:gd name="connsiteX8" fmla="*/ 0 w 3791966"/>
                <a:gd name="connsiteY8" fmla="*/ 2540 h 1141730"/>
                <a:gd name="connsiteX0" fmla="*/ 0 w 3791966"/>
                <a:gd name="connsiteY0" fmla="*/ 2540 h 1141730"/>
                <a:gd name="connsiteX1" fmla="*/ 28702 w 3791966"/>
                <a:gd name="connsiteY1" fmla="*/ 568198 h 1141730"/>
                <a:gd name="connsiteX2" fmla="*/ 1346454 w 3791966"/>
                <a:gd name="connsiteY2" fmla="*/ 597154 h 1141730"/>
                <a:gd name="connsiteX3" fmla="*/ 1343406 w 3791966"/>
                <a:gd name="connsiteY3" fmla="*/ 1141730 h 1141730"/>
                <a:gd name="connsiteX4" fmla="*/ 3791966 w 3791966"/>
                <a:gd name="connsiteY4" fmla="*/ 1139190 h 1141730"/>
                <a:gd name="connsiteX5" fmla="*/ 3791966 w 3791966"/>
                <a:gd name="connsiteY5" fmla="*/ 397510 h 1141730"/>
                <a:gd name="connsiteX6" fmla="*/ 1368806 w 3791966"/>
                <a:gd name="connsiteY6" fmla="*/ 397510 h 1141730"/>
                <a:gd name="connsiteX7" fmla="*/ 1368806 w 3791966"/>
                <a:gd name="connsiteY7" fmla="*/ 0 h 1141730"/>
                <a:gd name="connsiteX8" fmla="*/ 0 w 3791966"/>
                <a:gd name="connsiteY8" fmla="*/ 2540 h 1141730"/>
                <a:gd name="connsiteX0" fmla="*/ 0 w 3791966"/>
                <a:gd name="connsiteY0" fmla="*/ 2540 h 1141730"/>
                <a:gd name="connsiteX1" fmla="*/ 762 w 3791966"/>
                <a:gd name="connsiteY1" fmla="*/ 593598 h 1141730"/>
                <a:gd name="connsiteX2" fmla="*/ 1346454 w 3791966"/>
                <a:gd name="connsiteY2" fmla="*/ 597154 h 1141730"/>
                <a:gd name="connsiteX3" fmla="*/ 1343406 w 3791966"/>
                <a:gd name="connsiteY3" fmla="*/ 1141730 h 1141730"/>
                <a:gd name="connsiteX4" fmla="*/ 3791966 w 3791966"/>
                <a:gd name="connsiteY4" fmla="*/ 1139190 h 1141730"/>
                <a:gd name="connsiteX5" fmla="*/ 3791966 w 3791966"/>
                <a:gd name="connsiteY5" fmla="*/ 397510 h 1141730"/>
                <a:gd name="connsiteX6" fmla="*/ 1368806 w 3791966"/>
                <a:gd name="connsiteY6" fmla="*/ 397510 h 1141730"/>
                <a:gd name="connsiteX7" fmla="*/ 1368806 w 3791966"/>
                <a:gd name="connsiteY7" fmla="*/ 0 h 1141730"/>
                <a:gd name="connsiteX8" fmla="*/ 0 w 3791966"/>
                <a:gd name="connsiteY8" fmla="*/ 2540 h 1141730"/>
                <a:gd name="connsiteX0" fmla="*/ 0 w 3791966"/>
                <a:gd name="connsiteY0" fmla="*/ 0 h 1139190"/>
                <a:gd name="connsiteX1" fmla="*/ 762 w 3791966"/>
                <a:gd name="connsiteY1" fmla="*/ 591058 h 1139190"/>
                <a:gd name="connsiteX2" fmla="*/ 1346454 w 3791966"/>
                <a:gd name="connsiteY2" fmla="*/ 594614 h 1139190"/>
                <a:gd name="connsiteX3" fmla="*/ 1343406 w 3791966"/>
                <a:gd name="connsiteY3" fmla="*/ 1139190 h 1139190"/>
                <a:gd name="connsiteX4" fmla="*/ 3791966 w 3791966"/>
                <a:gd name="connsiteY4" fmla="*/ 1136650 h 1139190"/>
                <a:gd name="connsiteX5" fmla="*/ 3791966 w 3791966"/>
                <a:gd name="connsiteY5" fmla="*/ 394970 h 1139190"/>
                <a:gd name="connsiteX6" fmla="*/ 1368806 w 3791966"/>
                <a:gd name="connsiteY6" fmla="*/ 394970 h 1139190"/>
                <a:gd name="connsiteX7" fmla="*/ 1368806 w 3791966"/>
                <a:gd name="connsiteY7" fmla="*/ 7620 h 1139190"/>
                <a:gd name="connsiteX8" fmla="*/ 0 w 3791966"/>
                <a:gd name="connsiteY8" fmla="*/ 0 h 1139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791966" h="1139190">
                  <a:moveTo>
                    <a:pt x="0" y="0"/>
                  </a:moveTo>
                  <a:lnTo>
                    <a:pt x="762" y="591058"/>
                  </a:lnTo>
                  <a:lnTo>
                    <a:pt x="1346454" y="594614"/>
                  </a:lnTo>
                  <a:cubicBezTo>
                    <a:pt x="1344591" y="771906"/>
                    <a:pt x="1345269" y="961898"/>
                    <a:pt x="1343406" y="1139190"/>
                  </a:cubicBezTo>
                  <a:lnTo>
                    <a:pt x="3791966" y="1136650"/>
                  </a:lnTo>
                  <a:lnTo>
                    <a:pt x="3791966" y="394970"/>
                  </a:lnTo>
                  <a:lnTo>
                    <a:pt x="1368806" y="394970"/>
                  </a:lnTo>
                  <a:lnTo>
                    <a:pt x="1368806" y="7620"/>
                  </a:lnTo>
                  <a:lnTo>
                    <a:pt x="0" y="0"/>
                  </a:lnTo>
                  <a:close/>
                </a:path>
              </a:pathLst>
            </a:custGeom>
            <a:noFill/>
            <a:ln w="28575">
              <a:solidFill>
                <a:srgbClr val="00B6AF"/>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16" name="Group 15">
            <a:extLst>
              <a:ext uri="{FF2B5EF4-FFF2-40B4-BE49-F238E27FC236}">
                <a16:creationId xmlns:a16="http://schemas.microsoft.com/office/drawing/2014/main" id="{D4092432-AA7B-4668-E60E-DDBFEC48B279}"/>
              </a:ext>
            </a:extLst>
          </p:cNvPr>
          <p:cNvGrpSpPr/>
          <p:nvPr/>
        </p:nvGrpSpPr>
        <p:grpSpPr>
          <a:xfrm>
            <a:off x="1435507" y="3287253"/>
            <a:ext cx="2561500" cy="1571649"/>
            <a:chOff x="1435507" y="3287253"/>
            <a:chExt cx="2561500" cy="1571649"/>
          </a:xfrm>
        </p:grpSpPr>
        <p:pic>
          <p:nvPicPr>
            <p:cNvPr id="6" name="Graphic 5">
              <a:extLst>
                <a:ext uri="{FF2B5EF4-FFF2-40B4-BE49-F238E27FC236}">
                  <a16:creationId xmlns:a16="http://schemas.microsoft.com/office/drawing/2014/main" id="{AF79AD6E-8958-05C8-95C0-C4C9190D1D71}"/>
                </a:ext>
                <a:ext uri="{C183D7F6-B498-43B3-948B-1728B52AA6E4}">
                  <adec:decorative xmlns:adec="http://schemas.microsoft.com/office/drawing/2017/decorative" val="1"/>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440887" y="4002854"/>
              <a:ext cx="740671" cy="740671"/>
            </a:xfrm>
            <a:prstGeom prst="rect">
              <a:avLst/>
            </a:prstGeom>
          </p:spPr>
        </p:pic>
        <p:sp>
          <p:nvSpPr>
            <p:cNvPr id="15" name="Freeform: Shape 14">
              <a:extLst>
                <a:ext uri="{FF2B5EF4-FFF2-40B4-BE49-F238E27FC236}">
                  <a16:creationId xmlns:a16="http://schemas.microsoft.com/office/drawing/2014/main" id="{41DBBBA5-07F9-8CAF-1A72-0251670E49A3}"/>
                </a:ext>
              </a:extLst>
            </p:cNvPr>
            <p:cNvSpPr/>
            <p:nvPr/>
          </p:nvSpPr>
          <p:spPr>
            <a:xfrm>
              <a:off x="1435507" y="3287253"/>
              <a:ext cx="2561500" cy="1571649"/>
            </a:xfrm>
            <a:custGeom>
              <a:avLst/>
              <a:gdLst>
                <a:gd name="connsiteX0" fmla="*/ 2395728 w 2395728"/>
                <a:gd name="connsiteY0" fmla="*/ 36576 h 1365504"/>
                <a:gd name="connsiteX1" fmla="*/ 2395728 w 2395728"/>
                <a:gd name="connsiteY1" fmla="*/ 682752 h 1365504"/>
                <a:gd name="connsiteX2" fmla="*/ 597408 w 2395728"/>
                <a:gd name="connsiteY2" fmla="*/ 682752 h 1365504"/>
                <a:gd name="connsiteX3" fmla="*/ 597408 w 2395728"/>
                <a:gd name="connsiteY3" fmla="*/ 1365504 h 1365504"/>
                <a:gd name="connsiteX4" fmla="*/ 0 w 2395728"/>
                <a:gd name="connsiteY4" fmla="*/ 1365504 h 1365504"/>
                <a:gd name="connsiteX5" fmla="*/ 0 w 2395728"/>
                <a:gd name="connsiteY5" fmla="*/ 0 h 1365504"/>
                <a:gd name="connsiteX6" fmla="*/ 2395728 w 2395728"/>
                <a:gd name="connsiteY6" fmla="*/ 36576 h 13655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395728" h="1365504">
                  <a:moveTo>
                    <a:pt x="2395728" y="36576"/>
                  </a:moveTo>
                  <a:lnTo>
                    <a:pt x="2395728" y="682752"/>
                  </a:lnTo>
                  <a:lnTo>
                    <a:pt x="597408" y="682752"/>
                  </a:lnTo>
                  <a:lnTo>
                    <a:pt x="597408" y="1365504"/>
                  </a:lnTo>
                  <a:lnTo>
                    <a:pt x="0" y="1365504"/>
                  </a:lnTo>
                  <a:lnTo>
                    <a:pt x="0" y="0"/>
                  </a:lnTo>
                  <a:lnTo>
                    <a:pt x="2395728" y="36576"/>
                  </a:lnTo>
                  <a:close/>
                </a:path>
              </a:pathLst>
            </a:custGeom>
            <a:noFill/>
            <a:ln w="28575">
              <a:solidFill>
                <a:srgbClr val="02E16C"/>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7" name="Freeform: Shape 16">
            <a:extLst>
              <a:ext uri="{FF2B5EF4-FFF2-40B4-BE49-F238E27FC236}">
                <a16:creationId xmlns:a16="http://schemas.microsoft.com/office/drawing/2014/main" id="{8D842837-1E96-7350-E937-9B350A607ECF}"/>
              </a:ext>
            </a:extLst>
          </p:cNvPr>
          <p:cNvSpPr/>
          <p:nvPr/>
        </p:nvSpPr>
        <p:spPr>
          <a:xfrm>
            <a:off x="4579620" y="3006090"/>
            <a:ext cx="4907280" cy="1055370"/>
          </a:xfrm>
          <a:custGeom>
            <a:avLst/>
            <a:gdLst>
              <a:gd name="connsiteX0" fmla="*/ 45720 w 4907280"/>
              <a:gd name="connsiteY0" fmla="*/ 1055370 h 1055370"/>
              <a:gd name="connsiteX1" fmla="*/ 4907280 w 4907280"/>
              <a:gd name="connsiteY1" fmla="*/ 1055370 h 1055370"/>
              <a:gd name="connsiteX2" fmla="*/ 4907280 w 4907280"/>
              <a:gd name="connsiteY2" fmla="*/ 407670 h 1055370"/>
              <a:gd name="connsiteX3" fmla="*/ 3634740 w 4907280"/>
              <a:gd name="connsiteY3" fmla="*/ 407670 h 1055370"/>
              <a:gd name="connsiteX4" fmla="*/ 3634740 w 4907280"/>
              <a:gd name="connsiteY4" fmla="*/ 0 h 1055370"/>
              <a:gd name="connsiteX5" fmla="*/ 2465070 w 4907280"/>
              <a:gd name="connsiteY5" fmla="*/ 0 h 1055370"/>
              <a:gd name="connsiteX6" fmla="*/ 2465070 w 4907280"/>
              <a:gd name="connsiteY6" fmla="*/ 323850 h 1055370"/>
              <a:gd name="connsiteX7" fmla="*/ 0 w 4907280"/>
              <a:gd name="connsiteY7" fmla="*/ 323850 h 1055370"/>
              <a:gd name="connsiteX8" fmla="*/ 0 w 4907280"/>
              <a:gd name="connsiteY8" fmla="*/ 1055370 h 1055370"/>
              <a:gd name="connsiteX9" fmla="*/ 106680 w 4907280"/>
              <a:gd name="connsiteY9" fmla="*/ 1055370 h 1055370"/>
              <a:gd name="connsiteX10" fmla="*/ 45720 w 4907280"/>
              <a:gd name="connsiteY10" fmla="*/ 1055370 h 10553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907280" h="1055370">
                <a:moveTo>
                  <a:pt x="45720" y="1055370"/>
                </a:moveTo>
                <a:lnTo>
                  <a:pt x="4907280" y="1055370"/>
                </a:lnTo>
                <a:lnTo>
                  <a:pt x="4907280" y="407670"/>
                </a:lnTo>
                <a:lnTo>
                  <a:pt x="3634740" y="407670"/>
                </a:lnTo>
                <a:lnTo>
                  <a:pt x="3634740" y="0"/>
                </a:lnTo>
                <a:lnTo>
                  <a:pt x="2465070" y="0"/>
                </a:lnTo>
                <a:lnTo>
                  <a:pt x="2465070" y="323850"/>
                </a:lnTo>
                <a:lnTo>
                  <a:pt x="0" y="323850"/>
                </a:lnTo>
                <a:lnTo>
                  <a:pt x="0" y="1055370"/>
                </a:lnTo>
                <a:lnTo>
                  <a:pt x="106680" y="1055370"/>
                </a:lnTo>
                <a:lnTo>
                  <a:pt x="45720" y="1055370"/>
                </a:lnTo>
                <a:close/>
              </a:path>
            </a:pathLst>
          </a:custGeom>
          <a:noFill/>
          <a:ln w="28575">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1C75BB"/>
              </a:solidFill>
            </a:endParaRPr>
          </a:p>
        </p:txBody>
      </p:sp>
    </p:spTree>
    <p:extLst>
      <p:ext uri="{BB962C8B-B14F-4D97-AF65-F5344CB8AC3E}">
        <p14:creationId xmlns:p14="http://schemas.microsoft.com/office/powerpoint/2010/main" val="325802319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2466923-4D41-4DCD-9587-2855C0719472}"/>
              </a:ext>
            </a:extLst>
          </p:cNvPr>
          <p:cNvSpPr>
            <a:spLocks noGrp="1"/>
          </p:cNvSpPr>
          <p:nvPr>
            <p:ph idx="1"/>
          </p:nvPr>
        </p:nvSpPr>
        <p:spPr>
          <a:xfrm>
            <a:off x="838200" y="1825626"/>
            <a:ext cx="6772275" cy="4212710"/>
          </a:xfrm>
        </p:spPr>
        <p:txBody>
          <a:bodyPr/>
          <a:lstStyle/>
          <a:p>
            <a:pPr marL="0" indent="0">
              <a:lnSpc>
                <a:spcPct val="170000"/>
              </a:lnSpc>
              <a:buNone/>
            </a:pPr>
            <a:r>
              <a:rPr lang="en-US" sz="3000" dirty="0">
                <a:solidFill>
                  <a:srgbClr val="6C6D70"/>
                </a:solidFill>
                <a:latin typeface="Tahoma" panose="020B0604030504040204" pitchFamily="34" charset="0"/>
                <a:ea typeface="Tahoma" panose="020B0604030504040204" pitchFamily="34" charset="0"/>
                <a:cs typeface="Tahoma" panose="020B0604030504040204" pitchFamily="34" charset="0"/>
              </a:rPr>
              <a:t>The official body or agency designated by the CTD to fulfill the functions of transportation disadvantaged planning.</a:t>
            </a:r>
          </a:p>
          <a:p>
            <a:pPr marL="0" indent="0">
              <a:lnSpc>
                <a:spcPct val="170000"/>
              </a:lnSpc>
              <a:buNone/>
            </a:pPr>
            <a:endParaRPr lang="en-US" sz="2400" dirty="0">
              <a:solidFill>
                <a:srgbClr val="6C6D70"/>
              </a:solidFill>
              <a:latin typeface="Tahoma" panose="020B0604030504040204" pitchFamily="34" charset="0"/>
              <a:ea typeface="Tahoma" panose="020B0604030504040204" pitchFamily="34" charset="0"/>
              <a:cs typeface="Tahoma" panose="020B0604030504040204" pitchFamily="34" charset="0"/>
            </a:endParaRPr>
          </a:p>
        </p:txBody>
      </p:sp>
      <p:sp>
        <p:nvSpPr>
          <p:cNvPr id="3" name="Title 2">
            <a:extLst>
              <a:ext uri="{FF2B5EF4-FFF2-40B4-BE49-F238E27FC236}">
                <a16:creationId xmlns:a16="http://schemas.microsoft.com/office/drawing/2014/main" id="{B67E1C04-7AC0-47B9-A990-11C7D1776B18}"/>
              </a:ext>
            </a:extLst>
          </p:cNvPr>
          <p:cNvSpPr>
            <a:spLocks noGrp="1"/>
          </p:cNvSpPr>
          <p:nvPr>
            <p:ph type="ctrTitle"/>
          </p:nvPr>
        </p:nvSpPr>
        <p:spPr/>
        <p:txBody>
          <a:bodyPr>
            <a:normAutofit fontScale="90000"/>
          </a:bodyPr>
          <a:lstStyle/>
          <a:p>
            <a:r>
              <a:rPr lang="en-US" sz="4400">
                <a:latin typeface="Tahoma" panose="020B0604030504040204" pitchFamily="34" charset="0"/>
                <a:ea typeface="Tahoma" panose="020B0604030504040204" pitchFamily="34" charset="0"/>
                <a:cs typeface="Tahoma" panose="020B0604030504040204" pitchFamily="34" charset="0"/>
              </a:rPr>
              <a:t>Designated Official Planning Agency (DOPA)</a:t>
            </a:r>
            <a:endParaRPr lang="en-US"/>
          </a:p>
        </p:txBody>
      </p:sp>
      <p:pic>
        <p:nvPicPr>
          <p:cNvPr id="6" name="Picture 5" descr="Palm Beach TPA logo">
            <a:extLst>
              <a:ext uri="{FF2B5EF4-FFF2-40B4-BE49-F238E27FC236}">
                <a16:creationId xmlns:a16="http://schemas.microsoft.com/office/drawing/2014/main" id="{EE7EA24D-2C50-8DE6-554E-DD2F5CE7270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692129" y="2121375"/>
            <a:ext cx="3918845" cy="1086098"/>
          </a:xfrm>
          <a:prstGeom prst="rect">
            <a:avLst/>
          </a:prstGeom>
        </p:spPr>
      </p:pic>
      <p:sp>
        <p:nvSpPr>
          <p:cNvPr id="7" name="TextBox 6">
            <a:extLst>
              <a:ext uri="{FF2B5EF4-FFF2-40B4-BE49-F238E27FC236}">
                <a16:creationId xmlns:a16="http://schemas.microsoft.com/office/drawing/2014/main" id="{6F575AE9-7967-A3A7-5D5A-D77311F86316}"/>
              </a:ext>
            </a:extLst>
          </p:cNvPr>
          <p:cNvSpPr txBox="1"/>
          <p:nvPr/>
        </p:nvSpPr>
        <p:spPr>
          <a:xfrm>
            <a:off x="838200" y="4655451"/>
            <a:ext cx="10246111" cy="570990"/>
          </a:xfrm>
          <a:prstGeom prst="rect">
            <a:avLst/>
          </a:prstGeom>
          <a:noFill/>
        </p:spPr>
        <p:txBody>
          <a:bodyPr wrap="square">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sz="2400" b="1" i="0" u="none" strike="noStrike" kern="1200" cap="none" spc="0" normalizeH="0" baseline="0" noProof="0">
                <a:ln>
                  <a:noFill/>
                </a:ln>
                <a:solidFill>
                  <a:srgbClr val="1C75BB"/>
                </a:solidFill>
                <a:effectLst/>
                <a:uLnTx/>
                <a:uFillTx/>
                <a:latin typeface="Tahoma" panose="020B0604030504040204" pitchFamily="34" charset="0"/>
                <a:ea typeface="Tahoma" panose="020B0604030504040204" pitchFamily="34" charset="0"/>
                <a:cs typeface="Tahoma" panose="020B0604030504040204" pitchFamily="34" charset="0"/>
              </a:rPr>
              <a:t>In Palm Beach County, the DOPA is the Palm Beach TPA.</a:t>
            </a:r>
          </a:p>
        </p:txBody>
      </p:sp>
    </p:spTree>
    <p:extLst>
      <p:ext uri="{BB962C8B-B14F-4D97-AF65-F5344CB8AC3E}">
        <p14:creationId xmlns:p14="http://schemas.microsoft.com/office/powerpoint/2010/main" val="40010889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TPA Colors">
      <a:dk1>
        <a:srgbClr val="646566"/>
      </a:dk1>
      <a:lt1>
        <a:srgbClr val="FFFFFF"/>
      </a:lt1>
      <a:dk2>
        <a:srgbClr val="000000"/>
      </a:dk2>
      <a:lt2>
        <a:srgbClr val="FFFFFF"/>
      </a:lt2>
      <a:accent1>
        <a:srgbClr val="F8485E"/>
      </a:accent1>
      <a:accent2>
        <a:srgbClr val="26D07C"/>
      </a:accent2>
      <a:accent3>
        <a:srgbClr val="147BD1"/>
      </a:accent3>
      <a:accent4>
        <a:srgbClr val="62B5E5"/>
      </a:accent4>
      <a:accent5>
        <a:srgbClr val="646566"/>
      </a:accent5>
      <a:accent6>
        <a:srgbClr val="FFFFFF"/>
      </a:accent6>
      <a:hlink>
        <a:srgbClr val="646566"/>
      </a:hlink>
      <a:folHlink>
        <a:srgbClr val="147BD1"/>
      </a:folHlink>
    </a:clrScheme>
    <a:fontScheme name="Custom 1">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SharedWithUsers xmlns="aa7f1fb6-756e-4855-9f16-f3f1460ff54c">
      <UserInfo>
        <DisplayName>Alyssa Frank</DisplayName>
        <AccountId>19</AccountId>
        <AccountType/>
      </UserInfo>
      <UserInfo>
        <DisplayName>Greg Gabriel</DisplayName>
        <AccountId>15</AccountId>
        <AccountType/>
      </UserInfo>
      <UserInfo>
        <DisplayName>Amanda Williams</DisplayName>
        <AccountId>90</AccountId>
        <AccountType/>
      </UserInfo>
      <UserInfo>
        <DisplayName>Brian Ruscher</DisplayName>
        <AccountId>115</AccountId>
        <AccountType/>
      </UserInfo>
    </SharedWithUsers>
    <lcf76f155ced4ddcb4097134ff3c332f xmlns="a9d449a8-2375-42b6-a9f4-110971acbe8c">
      <Terms xmlns="http://schemas.microsoft.com/office/infopath/2007/PartnerControls"/>
    </lcf76f155ced4ddcb4097134ff3c332f>
    <TaxCatchAll xmlns="aa7f1fb6-756e-4855-9f16-f3f1460ff54c" xsi:nil="true"/>
    <MediaLengthInSeconds xmlns="a9d449a8-2375-42b6-a9f4-110971acbe8c"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34F7DD637D66454893F608D3647AEA69" ma:contentTypeVersion="16" ma:contentTypeDescription="Create a new document." ma:contentTypeScope="" ma:versionID="1941283f264ecee839a1185625e3e7a9">
  <xsd:schema xmlns:xsd="http://www.w3.org/2001/XMLSchema" xmlns:xs="http://www.w3.org/2001/XMLSchema" xmlns:p="http://schemas.microsoft.com/office/2006/metadata/properties" xmlns:ns2="a9d449a8-2375-42b6-a9f4-110971acbe8c" xmlns:ns3="aa7f1fb6-756e-4855-9f16-f3f1460ff54c" targetNamespace="http://schemas.microsoft.com/office/2006/metadata/properties" ma:root="true" ma:fieldsID="26308d958cd53d714f0220d96bd16801" ns2:_="" ns3:_="">
    <xsd:import namespace="a9d449a8-2375-42b6-a9f4-110971acbe8c"/>
    <xsd:import namespace="aa7f1fb6-756e-4855-9f16-f3f1460ff54c"/>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OCR" minOccurs="0"/>
                <xsd:element ref="ns2:MediaServiceGenerationTime" minOccurs="0"/>
                <xsd:element ref="ns2:MediaServiceEventHashCode" minOccurs="0"/>
                <xsd:element ref="ns3:SharedWithUsers" minOccurs="0"/>
                <xsd:element ref="ns3:SharedWithDetails" minOccurs="0"/>
                <xsd:element ref="ns2:MediaServiceLocation"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9d449a8-2375-42b6-a9f4-110971acbe8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Location" ma:index="18" nillable="true" ma:displayName="Location" ma:internalName="MediaServiceLocation" ma:readOnly="true">
      <xsd:simpleType>
        <xsd:restriction base="dms:Text"/>
      </xsd:simpleType>
    </xsd:element>
    <xsd:element name="MediaLengthInSeconds" ma:index="19" nillable="true" ma:displayName="Length (seconds)" ma:internalName="MediaLengthInSeconds" ma:readOnly="true">
      <xsd:simpleType>
        <xsd:restriction base="dms:Unknown"/>
      </xsd:simpleType>
    </xsd:element>
    <xsd:element name="lcf76f155ced4ddcb4097134ff3c332f" ma:index="21" nillable="true" ma:taxonomy="true" ma:internalName="lcf76f155ced4ddcb4097134ff3c332f" ma:taxonomyFieldName="MediaServiceImageTags" ma:displayName="Image Tags" ma:readOnly="false" ma:fieldId="{5cf76f15-5ced-4ddc-b409-7134ff3c332f}" ma:taxonomyMulti="true" ma:sspId="8c3704f9-8836-463e-bd6f-c87358e3f2de"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aa7f1fb6-756e-4855-9f16-f3f1460ff54c" elementFormDefault="qualified">
    <xsd:import namespace="http://schemas.microsoft.com/office/2006/documentManagement/types"/>
    <xsd:import namespace="http://schemas.microsoft.com/office/infopath/2007/PartnerControls"/>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element name="TaxCatchAll" ma:index="22" nillable="true" ma:displayName="Taxonomy Catch All Column" ma:hidden="true" ma:list="{d9cfaf41-81f7-4a6b-bdd9-e3afe15e5945}" ma:internalName="TaxCatchAll" ma:showField="CatchAllData" ma:web="aa7f1fb6-756e-4855-9f16-f3f1460ff54c">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9EB21E91-93D0-47E2-9D25-6B165703AF7F}">
  <ds:schemaRefs>
    <ds:schemaRef ds:uri="http://schemas.microsoft.com/sharepoint/v3/contenttype/forms"/>
  </ds:schemaRefs>
</ds:datastoreItem>
</file>

<file path=customXml/itemProps2.xml><?xml version="1.0" encoding="utf-8"?>
<ds:datastoreItem xmlns:ds="http://schemas.openxmlformats.org/officeDocument/2006/customXml" ds:itemID="{9F496755-5050-444C-95C0-D901B59302AF}">
  <ds:schemaRefs>
    <ds:schemaRef ds:uri="a9d449a8-2375-42b6-a9f4-110971acbe8c"/>
    <ds:schemaRef ds:uri="aa7f1fb6-756e-4855-9f16-f3f1460ff54c"/>
    <ds:schemaRef ds:uri="http://schemas.microsoft.com/office/2006/metadata/properties"/>
    <ds:schemaRef ds:uri="http://schemas.microsoft.com/office/infopath/2007/PartnerControls"/>
  </ds:schemaRefs>
</ds:datastoreItem>
</file>

<file path=customXml/itemProps3.xml><?xml version="1.0" encoding="utf-8"?>
<ds:datastoreItem xmlns:ds="http://schemas.openxmlformats.org/officeDocument/2006/customXml" ds:itemID="{82836E6A-7E49-4230-8D93-B4121FAA0523}">
  <ds:schemaRefs>
    <ds:schemaRef ds:uri="a9d449a8-2375-42b6-a9f4-110971acbe8c"/>
    <ds:schemaRef ds:uri="aa7f1fb6-756e-4855-9f16-f3f1460ff54c"/>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otalTime>124</TotalTime>
  <Words>1144</Words>
  <Application>Microsoft Office PowerPoint</Application>
  <PresentationFormat>Widescreen</PresentationFormat>
  <Paragraphs>241</Paragraphs>
  <Slides>31</Slides>
  <Notes>6</Notes>
  <HiddenSlides>1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31</vt:i4>
      </vt:variant>
    </vt:vector>
  </HeadingPairs>
  <TitlesOfParts>
    <vt:vector size="38" baseType="lpstr">
      <vt:lpstr>Arial</vt:lpstr>
      <vt:lpstr>Calibri</vt:lpstr>
      <vt:lpstr>Tahoma</vt:lpstr>
      <vt:lpstr>Trebuchet MS</vt:lpstr>
      <vt:lpstr>Wingdings</vt:lpstr>
      <vt:lpstr>Office Theme</vt:lpstr>
      <vt:lpstr>1_Office Theme</vt:lpstr>
      <vt:lpstr>Palm Beach County Transportation Disadvantaged Local Coordinating Board Member Training</vt:lpstr>
      <vt:lpstr>Training Outline</vt:lpstr>
      <vt:lpstr>Transportation Disadvantaged (TD) Program</vt:lpstr>
      <vt:lpstr>Transportation Disadvantaged Program</vt:lpstr>
      <vt:lpstr>Transportation Disadvantaged</vt:lpstr>
      <vt:lpstr>Commission for the Transportation Disadvantaged (CTD)</vt:lpstr>
      <vt:lpstr>Transportation Disadvantaged Program</vt:lpstr>
      <vt:lpstr>Transportation Disadvantaged Program</vt:lpstr>
      <vt:lpstr>Designated Official Planning Agency (DOPA)</vt:lpstr>
      <vt:lpstr>Transportation Disadvantaged Program</vt:lpstr>
      <vt:lpstr>Community Transportation Coordinator (CTC)</vt:lpstr>
      <vt:lpstr>Transportation Disadvantaged Program</vt:lpstr>
      <vt:lpstr>Local Coordinating Board (LCB)</vt:lpstr>
      <vt:lpstr>Transportation Disadvantaged Program</vt:lpstr>
      <vt:lpstr>Local Coordinating Board (LCB) Overview</vt:lpstr>
      <vt:lpstr>LCB Overview</vt:lpstr>
      <vt:lpstr>LCB Membership</vt:lpstr>
      <vt:lpstr>LCB Membership</vt:lpstr>
      <vt:lpstr>LCB Duties</vt:lpstr>
      <vt:lpstr>Overview of LCB Duties</vt:lpstr>
      <vt:lpstr>Timeline of LCB Duties FY 2023</vt:lpstr>
      <vt:lpstr>Transportation Disadvantaged  Service Plan (TDSP)</vt:lpstr>
      <vt:lpstr>CTC Evaluation</vt:lpstr>
      <vt:lpstr>LCB Administration</vt:lpstr>
      <vt:lpstr>The LCB By-laws</vt:lpstr>
      <vt:lpstr>LCB Attendance</vt:lpstr>
      <vt:lpstr>Grievance Procedures</vt:lpstr>
      <vt:lpstr>Grievance Procedures</vt:lpstr>
      <vt:lpstr>LCB Voting</vt:lpstr>
      <vt:lpstr>Timeline of LCB Duties FY 2023</vt:lpstr>
      <vt:lpstr>Thank you!</vt:lpstr>
    </vt:vector>
  </TitlesOfParts>
  <Company>Palm Beach Coun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im Verbeke</dc:creator>
  <cp:lastModifiedBy>Amanda Williams</cp:lastModifiedBy>
  <cp:revision>1</cp:revision>
  <dcterms:created xsi:type="dcterms:W3CDTF">2018-02-07T13:54:12Z</dcterms:created>
  <dcterms:modified xsi:type="dcterms:W3CDTF">2022-11-16T18:10: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4F7DD637D66454893F608D3647AEA69</vt:lpwstr>
  </property>
  <property fmtid="{D5CDD505-2E9C-101B-9397-08002B2CF9AE}" pid="3" name="Order">
    <vt:r8>2106600</vt:r8>
  </property>
  <property fmtid="{D5CDD505-2E9C-101B-9397-08002B2CF9AE}" pid="4" name="xd_Signature">
    <vt:bool>false</vt:bool>
  </property>
  <property fmtid="{D5CDD505-2E9C-101B-9397-08002B2CF9AE}" pid="5" name="xd_ProgID">
    <vt:lpwstr/>
  </property>
  <property fmtid="{D5CDD505-2E9C-101B-9397-08002B2CF9AE}" pid="6" name="ComplianceAssetId">
    <vt:lpwstr/>
  </property>
  <property fmtid="{D5CDD505-2E9C-101B-9397-08002B2CF9AE}" pid="7" name="TemplateUrl">
    <vt:lpwstr/>
  </property>
  <property fmtid="{D5CDD505-2E9C-101B-9397-08002B2CF9AE}" pid="8" name="MediaServiceImageTags">
    <vt:lpwstr/>
  </property>
  <property fmtid="{D5CDD505-2E9C-101B-9397-08002B2CF9AE}" pid="9" name="_ExtendedDescription">
    <vt:lpwstr/>
  </property>
  <property fmtid="{D5CDD505-2E9C-101B-9397-08002B2CF9AE}" pid="10" name="TriggerFlowInfo">
    <vt:lpwstr/>
  </property>
</Properties>
</file>